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drawings/drawing2.xml" ContentType="application/vnd.openxmlformats-officedocument.drawing+xml"/>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C:\Users\s140328\Desktop\2026-6_部品代値上げ\"/>
    </mc:Choice>
  </mc:AlternateContent>
  <xr:revisionPtr revIDLastSave="0" documentId="13_ncr:1_{01525AF2-2980-4353-B49F-7920B9B9EA01}" xr6:coauthVersionLast="47" xr6:coauthVersionMax="47" xr10:uidLastSave="{00000000-0000-0000-0000-000000000000}"/>
  <bookViews>
    <workbookView xWindow="-28920" yWindow="-75" windowWidth="29040" windowHeight="16440" xr2:uid="{00000000-000D-0000-FFFF-FFFF00000000}"/>
  </bookViews>
  <sheets>
    <sheet name="ピックアップ依頼シート" sheetId="1" r:id="rId1"/>
    <sheet name="複数台同時集荷シート" sheetId="2" r:id="rId2"/>
    <sheet name="ピックアップ依頼シート（記入例）" sheetId="3" r:id="rId3"/>
    <sheet name="複数台同時集荷シート（記入例）" sheetId="4" r:id="rId4"/>
  </sheets>
  <definedNames>
    <definedName name="_xlnm.Print_Area" localSheetId="0">ピックアップ依頼シート!$A$1:$AO$59</definedName>
  </definedNames>
  <calcPr calcId="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77" uniqueCount="192">
  <si>
    <t>依頼日　</t>
    <rPh sb="0" eb="2">
      <t>イライ</t>
    </rPh>
    <rPh sb="2" eb="3">
      <t>ビ</t>
    </rPh>
    <phoneticPr fontId="3"/>
  </si>
  <si>
    <t>年</t>
    <rPh sb="0" eb="1">
      <t>ネン</t>
    </rPh>
    <phoneticPr fontId="3"/>
  </si>
  <si>
    <t>月</t>
    <rPh sb="0" eb="1">
      <t>ガツ</t>
    </rPh>
    <phoneticPr fontId="3"/>
  </si>
  <si>
    <t>日</t>
    <rPh sb="0" eb="1">
      <t>ニチ</t>
    </rPh>
    <phoneticPr fontId="3"/>
  </si>
  <si>
    <t>Dynabook株式会社</t>
    <rPh sb="8" eb="12">
      <t>カブシキガイシャ</t>
    </rPh>
    <phoneticPr fontId="3"/>
  </si>
  <si>
    <t>保証</t>
    <rPh sb="0" eb="2">
      <t>ホショウ</t>
    </rPh>
    <phoneticPr fontId="3"/>
  </si>
  <si>
    <t>お買上日</t>
    <rPh sb="1" eb="2">
      <t>カ</t>
    </rPh>
    <rPh sb="2" eb="3">
      <t>ア</t>
    </rPh>
    <rPh sb="3" eb="4">
      <t>ビ</t>
    </rPh>
    <phoneticPr fontId="3"/>
  </si>
  <si>
    <t>有償</t>
    <rPh sb="0" eb="2">
      <t>ユウショウ</t>
    </rPh>
    <phoneticPr fontId="3"/>
  </si>
  <si>
    <t>ご請求先</t>
    <rPh sb="1" eb="3">
      <t>セイキュウ</t>
    </rPh>
    <rPh sb="3" eb="4">
      <t>サキ</t>
    </rPh>
    <phoneticPr fontId="3"/>
  </si>
  <si>
    <t>住所</t>
    <rPh sb="0" eb="2">
      <t>ジュウショ</t>
    </rPh>
    <phoneticPr fontId="3"/>
  </si>
  <si>
    <t>会社名</t>
    <rPh sb="0" eb="3">
      <t>カイシャメイ</t>
    </rPh>
    <phoneticPr fontId="3"/>
  </si>
  <si>
    <t>ご所属　</t>
  </si>
  <si>
    <t>ご担当者名</t>
    <rPh sb="1" eb="4">
      <t>タントウシャ</t>
    </rPh>
    <rPh sb="4" eb="5">
      <t>メイ</t>
    </rPh>
    <phoneticPr fontId="3"/>
  </si>
  <si>
    <t>お支払条件</t>
    <rPh sb="1" eb="3">
      <t>シハライ</t>
    </rPh>
    <rPh sb="3" eb="5">
      <t>ジョウケン</t>
    </rPh>
    <phoneticPr fontId="3"/>
  </si>
  <si>
    <t>締日</t>
    <rPh sb="0" eb="2">
      <t>シメビ</t>
    </rPh>
    <phoneticPr fontId="3"/>
  </si>
  <si>
    <t>お支払日</t>
    <rPh sb="1" eb="4">
      <t>シハライビ</t>
    </rPh>
    <phoneticPr fontId="3"/>
  </si>
  <si>
    <t>※例：締日翌月末払い等</t>
    <rPh sb="1" eb="2">
      <t>レイ</t>
    </rPh>
    <rPh sb="3" eb="5">
      <t>シメビ</t>
    </rPh>
    <rPh sb="5" eb="8">
      <t>ヨクゲツマツ</t>
    </rPh>
    <rPh sb="8" eb="9">
      <t>バラ</t>
    </rPh>
    <rPh sb="10" eb="11">
      <t>トウ</t>
    </rPh>
    <phoneticPr fontId="3"/>
  </si>
  <si>
    <t>お支払方法</t>
    <rPh sb="1" eb="3">
      <t>シハライ</t>
    </rPh>
    <rPh sb="3" eb="5">
      <t>ホウホウ</t>
    </rPh>
    <phoneticPr fontId="3"/>
  </si>
  <si>
    <t>お名前</t>
    <rPh sb="1" eb="3">
      <t>ナマエ</t>
    </rPh>
    <phoneticPr fontId="3"/>
  </si>
  <si>
    <t>連絡先</t>
    <rPh sb="0" eb="3">
      <t>レンラクサキ</t>
    </rPh>
    <phoneticPr fontId="3"/>
  </si>
  <si>
    <t>ご住所</t>
    <rPh sb="1" eb="3">
      <t>ジュウショ</t>
    </rPh>
    <phoneticPr fontId="3"/>
  </si>
  <si>
    <t>返却先</t>
    <rPh sb="0" eb="2">
      <t>ヘンキャク</t>
    </rPh>
    <rPh sb="2" eb="3">
      <t>サキ</t>
    </rPh>
    <phoneticPr fontId="3"/>
  </si>
  <si>
    <t>引取商品※</t>
    <rPh sb="0" eb="2">
      <t>ヒキト</t>
    </rPh>
    <rPh sb="2" eb="4">
      <t>ショウヒン</t>
    </rPh>
    <phoneticPr fontId="3"/>
  </si>
  <si>
    <t>①</t>
    <phoneticPr fontId="3"/>
  </si>
  <si>
    <t>③</t>
    <phoneticPr fontId="3"/>
  </si>
  <si>
    <t>　</t>
  </si>
  <si>
    <t>ＮＯ</t>
  </si>
  <si>
    <t>型番</t>
  </si>
  <si>
    <t>製造番号</t>
  </si>
  <si>
    <t>故障内容</t>
  </si>
  <si>
    <t>注文番号</t>
  </si>
  <si>
    <t>データ消去</t>
  </si>
  <si>
    <t>同梱品１</t>
  </si>
  <si>
    <t>同梱品2</t>
  </si>
  <si>
    <t>同梱品３</t>
  </si>
  <si>
    <t>同梱品４</t>
  </si>
  <si>
    <t>同梱品５</t>
  </si>
  <si>
    <t>同梱品６</t>
  </si>
  <si>
    <t>修理費用区分</t>
    <rPh sb="0" eb="2">
      <t>シュウリ</t>
    </rPh>
    <rPh sb="2" eb="4">
      <t>ヒヨウ</t>
    </rPh>
    <rPh sb="4" eb="6">
      <t>クブン</t>
    </rPh>
    <phoneticPr fontId="2"/>
  </si>
  <si>
    <t>■複数台の修理依頼はこちらのシートにご記入ください。※集荷先、返却先、ご請求先の情報がﾋﾟｯｸｱｯﾌﾟ依頼シートと同一の場合に限る。</t>
    <rPh sb="1" eb="3">
      <t>フクスウ</t>
    </rPh>
    <rPh sb="3" eb="4">
      <t>ダイ</t>
    </rPh>
    <rPh sb="5" eb="7">
      <t>シュウリ</t>
    </rPh>
    <rPh sb="7" eb="9">
      <t>イライ</t>
    </rPh>
    <rPh sb="19" eb="21">
      <t>キニュウ</t>
    </rPh>
    <rPh sb="27" eb="29">
      <t>シュウカ</t>
    </rPh>
    <rPh sb="29" eb="30">
      <t>サキ</t>
    </rPh>
    <rPh sb="31" eb="33">
      <t>ヘンキャク</t>
    </rPh>
    <rPh sb="33" eb="34">
      <t>サキ</t>
    </rPh>
    <rPh sb="36" eb="38">
      <t>セイキュウ</t>
    </rPh>
    <rPh sb="38" eb="39">
      <t>サキ</t>
    </rPh>
    <rPh sb="40" eb="42">
      <t>ジョウホウ</t>
    </rPh>
    <rPh sb="51" eb="53">
      <t>イライ</t>
    </rPh>
    <rPh sb="57" eb="59">
      <t>ドウイツ</t>
    </rPh>
    <rPh sb="60" eb="62">
      <t>バアイ</t>
    </rPh>
    <rPh sb="63" eb="64">
      <t>カギ</t>
    </rPh>
    <phoneticPr fontId="2"/>
  </si>
  <si>
    <r>
      <t>ご依頼者</t>
    </r>
    <r>
      <rPr>
        <b/>
        <sz val="11"/>
        <color indexed="10"/>
        <rFont val="Meiryo UI"/>
        <family val="3"/>
        <charset val="128"/>
      </rPr>
      <t>※</t>
    </r>
    <rPh sb="1" eb="4">
      <t>イライシャ</t>
    </rPh>
    <phoneticPr fontId="3"/>
  </si>
  <si>
    <r>
      <t>集荷日</t>
    </r>
    <r>
      <rPr>
        <b/>
        <sz val="8"/>
        <color indexed="10"/>
        <rFont val="Meiryo UI"/>
        <family val="3"/>
        <charset val="128"/>
      </rPr>
      <t>※</t>
    </r>
    <rPh sb="0" eb="2">
      <t>シュウカ</t>
    </rPh>
    <rPh sb="2" eb="3">
      <t>ビ</t>
    </rPh>
    <phoneticPr fontId="3"/>
  </si>
  <si>
    <r>
      <t>集荷時間帯</t>
    </r>
    <r>
      <rPr>
        <b/>
        <sz val="8"/>
        <color indexed="10"/>
        <rFont val="Meiryo UI"/>
        <family val="3"/>
        <charset val="128"/>
      </rPr>
      <t>※</t>
    </r>
    <rPh sb="0" eb="2">
      <t>シュウカ</t>
    </rPh>
    <rPh sb="2" eb="5">
      <t>ジカンタイ</t>
    </rPh>
    <phoneticPr fontId="3"/>
  </si>
  <si>
    <r>
      <t>※</t>
    </r>
    <r>
      <rPr>
        <b/>
        <sz val="11"/>
        <rFont val="Meiryo UI"/>
        <family val="3"/>
        <charset val="128"/>
      </rPr>
      <t>営業型番</t>
    </r>
    <rPh sb="1" eb="3">
      <t>エイギョウ</t>
    </rPh>
    <rPh sb="3" eb="5">
      <t>カタバン</t>
    </rPh>
    <phoneticPr fontId="3"/>
  </si>
  <si>
    <t>（製造番号）</t>
    <rPh sb="1" eb="3">
      <t>セイゾウ</t>
    </rPh>
    <rPh sb="3" eb="5">
      <t>バンゴウ</t>
    </rPh>
    <phoneticPr fontId="2"/>
  </si>
  <si>
    <t>備考</t>
    <rPh sb="0" eb="2">
      <t>ビコウ</t>
    </rPh>
    <phoneticPr fontId="2"/>
  </si>
  <si>
    <t>FAX</t>
    <phoneticPr fontId="2"/>
  </si>
  <si>
    <t>　</t>
    <phoneticPr fontId="2"/>
  </si>
  <si>
    <r>
      <t>修理費用区分</t>
    </r>
    <r>
      <rPr>
        <b/>
        <sz val="8"/>
        <color indexed="10"/>
        <rFont val="Meiryo UI"/>
        <family val="3"/>
        <charset val="128"/>
      </rPr>
      <t>※</t>
    </r>
    <r>
      <rPr>
        <b/>
        <sz val="11"/>
        <rFont val="Meiryo UI"/>
        <family val="3"/>
        <charset val="128"/>
      </rPr>
      <t>　　</t>
    </r>
    <rPh sb="0" eb="1">
      <t>オサム</t>
    </rPh>
    <rPh sb="1" eb="2">
      <t>リ</t>
    </rPh>
    <rPh sb="2" eb="3">
      <t>ヒ</t>
    </rPh>
    <rPh sb="3" eb="4">
      <t>ヨウ</t>
    </rPh>
    <rPh sb="4" eb="5">
      <t>ク</t>
    </rPh>
    <rPh sb="5" eb="6">
      <t>ブン</t>
    </rPh>
    <phoneticPr fontId="3"/>
  </si>
  <si>
    <t>集荷先</t>
    <rPh sb="0" eb="1">
      <t>シュウ</t>
    </rPh>
    <rPh sb="1" eb="2">
      <t>ニ</t>
    </rPh>
    <phoneticPr fontId="3"/>
  </si>
  <si>
    <t>ご使用者</t>
    <rPh sb="1" eb="2">
      <t>ツカ</t>
    </rPh>
    <rPh sb="2" eb="3">
      <t>ヨウ</t>
    </rPh>
    <rPh sb="3" eb="4">
      <t>モノ</t>
    </rPh>
    <phoneticPr fontId="3"/>
  </si>
  <si>
    <t>同梱品</t>
    <rPh sb="0" eb="1">
      <t>ドウ</t>
    </rPh>
    <rPh sb="1" eb="2">
      <t>コリ</t>
    </rPh>
    <rPh sb="2" eb="3">
      <t>シナ</t>
    </rPh>
    <phoneticPr fontId="3"/>
  </si>
  <si>
    <t>〒</t>
    <phoneticPr fontId="3"/>
  </si>
  <si>
    <t>ＴＥＬ</t>
    <phoneticPr fontId="3"/>
  </si>
  <si>
    <t>※</t>
    <phoneticPr fontId="3"/>
  </si>
  <si>
    <t>ＦＡＸ</t>
    <phoneticPr fontId="3"/>
  </si>
  <si>
    <t>製造番号</t>
    <phoneticPr fontId="3"/>
  </si>
  <si>
    <t>（集荷先と同じ場合は、｢集荷先｣と記入）</t>
    <phoneticPr fontId="2"/>
  </si>
  <si>
    <t>同梱品7</t>
    <phoneticPr fontId="2"/>
  </si>
  <si>
    <t>（　　）</t>
    <phoneticPr fontId="2"/>
  </si>
  <si>
    <t>（　　）</t>
    <phoneticPr fontId="2"/>
  </si>
  <si>
    <t>（　　）</t>
    <phoneticPr fontId="2"/>
  </si>
  <si>
    <t>（　　）</t>
    <phoneticPr fontId="2"/>
  </si>
  <si>
    <t>本依頼書記入日をご記入ください。</t>
    <rPh sb="0" eb="1">
      <t>ホン</t>
    </rPh>
    <rPh sb="1" eb="4">
      <t>イライショ</t>
    </rPh>
    <rPh sb="4" eb="6">
      <t>キニュウ</t>
    </rPh>
    <rPh sb="6" eb="7">
      <t>ビ</t>
    </rPh>
    <rPh sb="9" eb="11">
      <t>キニュウ</t>
    </rPh>
    <phoneticPr fontId="2"/>
  </si>
  <si>
    <t>東京都〇〇区〇〇町1丁目</t>
    <rPh sb="0" eb="2">
      <t>トウキョウ</t>
    </rPh>
    <rPh sb="2" eb="3">
      <t>ト</t>
    </rPh>
    <rPh sb="5" eb="6">
      <t>ク</t>
    </rPh>
    <rPh sb="8" eb="9">
      <t>マチ</t>
    </rPh>
    <rPh sb="10" eb="12">
      <t>チョウメ</t>
    </rPh>
    <phoneticPr fontId="2"/>
  </si>
  <si>
    <t>〇〇ビル〇〇階　101号</t>
    <rPh sb="6" eb="7">
      <t>カイ</t>
    </rPh>
    <rPh sb="11" eb="12">
      <t>ゴウ</t>
    </rPh>
    <phoneticPr fontId="2"/>
  </si>
  <si>
    <t>〇〇〇株式会社</t>
    <rPh sb="3" eb="7">
      <t>カブシキガイシャ</t>
    </rPh>
    <phoneticPr fontId="2"/>
  </si>
  <si>
    <t>ご依頼者の情報をご記入ください</t>
    <rPh sb="1" eb="3">
      <t>イライ</t>
    </rPh>
    <rPh sb="3" eb="4">
      <t>シャ</t>
    </rPh>
    <rPh sb="5" eb="7">
      <t>ジョウホウ</t>
    </rPh>
    <rPh sb="9" eb="11">
      <t>キニュウ</t>
    </rPh>
    <phoneticPr fontId="2"/>
  </si>
  <si>
    <t>〇〇事業部　〇〇部　〇〇課　ダイナ太郎</t>
    <rPh sb="2" eb="4">
      <t>ジギョウ</t>
    </rPh>
    <rPh sb="4" eb="5">
      <t>ブ</t>
    </rPh>
    <rPh sb="8" eb="9">
      <t>ブ</t>
    </rPh>
    <rPh sb="12" eb="13">
      <t>カ</t>
    </rPh>
    <rPh sb="17" eb="19">
      <t>タロウ</t>
    </rPh>
    <phoneticPr fontId="2"/>
  </si>
  <si>
    <t>TEL</t>
    <phoneticPr fontId="2"/>
  </si>
  <si>
    <t>03-1234-4567</t>
    <phoneticPr fontId="2"/>
  </si>
  <si>
    <t>03-1234-5678</t>
    <phoneticPr fontId="2"/>
  </si>
  <si>
    <t>複数同時にお引取必要な場合は『●あり』で別sheet『複数台同時集荷』をご記入ください。</t>
    <rPh sb="0" eb="2">
      <t>フクスウ</t>
    </rPh>
    <rPh sb="2" eb="4">
      <t>ドウジ</t>
    </rPh>
    <rPh sb="6" eb="8">
      <t>ヒキト</t>
    </rPh>
    <rPh sb="8" eb="10">
      <t>ヒツヨウ</t>
    </rPh>
    <rPh sb="11" eb="13">
      <t>バアイ</t>
    </rPh>
    <rPh sb="20" eb="26">
      <t>ベツシェエT</t>
    </rPh>
    <rPh sb="27" eb="29">
      <t>フクスウ</t>
    </rPh>
    <rPh sb="29" eb="30">
      <t>ダイ</t>
    </rPh>
    <rPh sb="30" eb="32">
      <t>ドウジ</t>
    </rPh>
    <rPh sb="32" eb="34">
      <t>シュウカ</t>
    </rPh>
    <rPh sb="37" eb="39">
      <t>キニュウ</t>
    </rPh>
    <phoneticPr fontId="2"/>
  </si>
  <si>
    <t>お引取（集荷）時間帯をお選びください。</t>
    <rPh sb="1" eb="2">
      <t>ヒ</t>
    </rPh>
    <rPh sb="2" eb="3">
      <t>ト</t>
    </rPh>
    <rPh sb="4" eb="6">
      <t>シュウカ</t>
    </rPh>
    <rPh sb="7" eb="10">
      <t>ジカンタイ</t>
    </rPh>
    <rPh sb="12" eb="13">
      <t>エラ</t>
    </rPh>
    <phoneticPr fontId="2"/>
  </si>
  <si>
    <t>メーカー保証内は『保障』へそれ以外は『有償』へ〇をお付けください。</t>
    <rPh sb="4" eb="6">
      <t>ホショウ</t>
    </rPh>
    <rPh sb="6" eb="7">
      <t>ナイ</t>
    </rPh>
    <rPh sb="9" eb="11">
      <t>ホショウ</t>
    </rPh>
    <rPh sb="15" eb="17">
      <t>イガイ</t>
    </rPh>
    <rPh sb="19" eb="21">
      <t>ユウショウ</t>
    </rPh>
    <rPh sb="26" eb="27">
      <t>ツ</t>
    </rPh>
    <phoneticPr fontId="2"/>
  </si>
  <si>
    <t>〒</t>
    <phoneticPr fontId="3"/>
  </si>
  <si>
    <t>-</t>
    <phoneticPr fontId="2"/>
  </si>
  <si>
    <t>〇〇〇株式会社</t>
    <phoneticPr fontId="2"/>
  </si>
  <si>
    <t>有償時のご請求先をご記入ください。</t>
    <rPh sb="0" eb="2">
      <t>ユウショウ</t>
    </rPh>
    <rPh sb="2" eb="3">
      <t>ジ</t>
    </rPh>
    <rPh sb="5" eb="7">
      <t>セイキュウ</t>
    </rPh>
    <rPh sb="7" eb="8">
      <t>サキ</t>
    </rPh>
    <rPh sb="10" eb="12">
      <t>キニュウ</t>
    </rPh>
    <phoneticPr fontId="2"/>
  </si>
  <si>
    <t>〇〇事業部　〇〇部　〇〇課</t>
    <phoneticPr fontId="2"/>
  </si>
  <si>
    <t>ダイナ太郎</t>
    <phoneticPr fontId="2"/>
  </si>
  <si>
    <t>ＴＥＬ</t>
    <phoneticPr fontId="3"/>
  </si>
  <si>
    <t>03-1234-4567</t>
    <phoneticPr fontId="2"/>
  </si>
  <si>
    <t>ＦＡＸ</t>
    <phoneticPr fontId="3"/>
  </si>
  <si>
    <t>03-1234-5678</t>
    <phoneticPr fontId="2"/>
  </si>
  <si>
    <t>末払い</t>
    <rPh sb="0" eb="1">
      <t>マツ</t>
    </rPh>
    <rPh sb="1" eb="2">
      <t>ハラ</t>
    </rPh>
    <phoneticPr fontId="2"/>
  </si>
  <si>
    <t>お支払い条件をご記入ください</t>
    <rPh sb="1" eb="3">
      <t>シハラ</t>
    </rPh>
    <rPh sb="4" eb="6">
      <t>ジョウケン</t>
    </rPh>
    <rPh sb="8" eb="10">
      <t>キニュウ</t>
    </rPh>
    <phoneticPr fontId="2"/>
  </si>
  <si>
    <t>※</t>
    <phoneticPr fontId="3"/>
  </si>
  <si>
    <t>※</t>
    <phoneticPr fontId="3"/>
  </si>
  <si>
    <t>〇〇中学校　〇〇教室　〇〇先生　　　　　　　　　　　　　　　　　　　　　　　　　　　　　　　　　　　　　　　　　　　　　　　　　　　　　　　　　　　</t>
    <rPh sb="2" eb="5">
      <t>チュウガッコウ</t>
    </rPh>
    <rPh sb="8" eb="10">
      <t>キョウシツ</t>
    </rPh>
    <rPh sb="13" eb="15">
      <t>センセイ</t>
    </rPh>
    <phoneticPr fontId="2"/>
  </si>
  <si>
    <t>（ご依頼者と同じ場合は、｢依頼者｣と記入）</t>
    <phoneticPr fontId="2"/>
  </si>
  <si>
    <t>お引取（集荷）先の情報をご記入ください。</t>
    <rPh sb="7" eb="8">
      <t>サキ</t>
    </rPh>
    <rPh sb="9" eb="11">
      <t>ジョウホウ</t>
    </rPh>
    <rPh sb="13" eb="15">
      <t>キニュウ</t>
    </rPh>
    <phoneticPr fontId="2"/>
  </si>
  <si>
    <t>※</t>
    <phoneticPr fontId="3"/>
  </si>
  <si>
    <t>ＴＥＬ</t>
    <phoneticPr fontId="3"/>
  </si>
  <si>
    <t>03-0001-〇〇〇〇</t>
    <phoneticPr fontId="2"/>
  </si>
  <si>
    <t>ＦＡＸ</t>
    <phoneticPr fontId="3"/>
  </si>
  <si>
    <t>03-0002-〇〇〇〇</t>
    <phoneticPr fontId="2"/>
  </si>
  <si>
    <t>〒</t>
    <phoneticPr fontId="3"/>
  </si>
  <si>
    <t>東京都〇〇区1丁目　〇〇中学校　〇〇階</t>
    <rPh sb="0" eb="2">
      <t>トウキョウ</t>
    </rPh>
    <rPh sb="2" eb="3">
      <t>ト</t>
    </rPh>
    <rPh sb="5" eb="6">
      <t>ク</t>
    </rPh>
    <rPh sb="7" eb="9">
      <t>チョウメ</t>
    </rPh>
    <rPh sb="12" eb="15">
      <t>チュウガッコウ</t>
    </rPh>
    <rPh sb="18" eb="19">
      <t>カイ</t>
    </rPh>
    <phoneticPr fontId="2"/>
  </si>
  <si>
    <t>集荷先</t>
    <rPh sb="0" eb="2">
      <t>シュウカ</t>
    </rPh>
    <rPh sb="2" eb="3">
      <t>サキ</t>
    </rPh>
    <phoneticPr fontId="2"/>
  </si>
  <si>
    <t>修理完了品のご返却先の情報をご記入ください。</t>
    <rPh sb="0" eb="2">
      <t>シュウリ</t>
    </rPh>
    <rPh sb="2" eb="4">
      <t>カンリョウ</t>
    </rPh>
    <rPh sb="4" eb="5">
      <t>ヒン</t>
    </rPh>
    <rPh sb="7" eb="9">
      <t>ヘンキャク</t>
    </rPh>
    <rPh sb="9" eb="10">
      <t>サキ</t>
    </rPh>
    <rPh sb="11" eb="13">
      <t>ジョウホウ</t>
    </rPh>
    <rPh sb="15" eb="17">
      <t>キニュウ</t>
    </rPh>
    <phoneticPr fontId="2"/>
  </si>
  <si>
    <t>ＴＥＬ</t>
    <phoneticPr fontId="3"/>
  </si>
  <si>
    <t>修理依頼品のご使用者情報をご記入ください。</t>
    <rPh sb="0" eb="2">
      <t>シュウリ</t>
    </rPh>
    <rPh sb="2" eb="4">
      <t>イライ</t>
    </rPh>
    <rPh sb="4" eb="5">
      <t>ヒン</t>
    </rPh>
    <rPh sb="7" eb="10">
      <t>シヨウシャ</t>
    </rPh>
    <rPh sb="10" eb="12">
      <t>ジョウホウ</t>
    </rPh>
    <rPh sb="14" eb="16">
      <t>キニュウ</t>
    </rPh>
    <phoneticPr fontId="2"/>
  </si>
  <si>
    <t>03-0001-〇〇〇〇</t>
    <phoneticPr fontId="2"/>
  </si>
  <si>
    <t>ＦＡＸ</t>
    <phoneticPr fontId="3"/>
  </si>
  <si>
    <t>03-0002-〇〇〇〇</t>
    <phoneticPr fontId="2"/>
  </si>
  <si>
    <t>製造番号</t>
    <phoneticPr fontId="3"/>
  </si>
  <si>
    <t>修理依頼品と併せてお引取（集荷）させる同梱品をご記入ください。</t>
    <rPh sb="0" eb="2">
      <t>シュウリ</t>
    </rPh>
    <rPh sb="2" eb="4">
      <t>イライ</t>
    </rPh>
    <rPh sb="4" eb="5">
      <t>ヒン</t>
    </rPh>
    <rPh sb="6" eb="7">
      <t>アワ</t>
    </rPh>
    <rPh sb="10" eb="12">
      <t>ヒキト</t>
    </rPh>
    <rPh sb="13" eb="15">
      <t>シュウカ</t>
    </rPh>
    <rPh sb="19" eb="21">
      <t>ドウコン</t>
    </rPh>
    <rPh sb="21" eb="22">
      <t>ヒン</t>
    </rPh>
    <rPh sb="24" eb="26">
      <t>キニュウ</t>
    </rPh>
    <phoneticPr fontId="2"/>
  </si>
  <si>
    <t>（　　　　　　　　　　　　　　　　　　　　　　　　　　　）</t>
    <phoneticPr fontId="2"/>
  </si>
  <si>
    <t>同梱品7</t>
    <phoneticPr fontId="2"/>
  </si>
  <si>
    <t>画面が割れた</t>
    <rPh sb="0" eb="2">
      <t>ガメン</t>
    </rPh>
    <rPh sb="3" eb="4">
      <t>ワ</t>
    </rPh>
    <phoneticPr fontId="2"/>
  </si>
  <si>
    <t>1.有償</t>
  </si>
  <si>
    <t>1.了承する</t>
  </si>
  <si>
    <t>3.ACアダプタ</t>
  </si>
  <si>
    <t>（　　）</t>
    <phoneticPr fontId="2"/>
  </si>
  <si>
    <t>（　　）</t>
    <phoneticPr fontId="2"/>
  </si>
  <si>
    <t>KBのSキーが効かない</t>
    <rPh sb="7" eb="8">
      <t>キ</t>
    </rPh>
    <phoneticPr fontId="2"/>
  </si>
  <si>
    <t>2.保証</t>
  </si>
  <si>
    <t>2.了承しない</t>
  </si>
  <si>
    <t>4.ACコード</t>
  </si>
  <si>
    <t>電源入らない</t>
    <rPh sb="0" eb="2">
      <t>デンゲン</t>
    </rPh>
    <rPh sb="2" eb="3">
      <t>ハイ</t>
    </rPh>
    <phoneticPr fontId="2"/>
  </si>
  <si>
    <t>6.キーボードドック</t>
  </si>
  <si>
    <t>ジュースをこぼして起動しない</t>
    <rPh sb="9" eb="11">
      <t>キドウ</t>
    </rPh>
    <phoneticPr fontId="2"/>
  </si>
  <si>
    <t>5.マウス</t>
  </si>
  <si>
    <t>キーボードが効かない</t>
    <rPh sb="6" eb="7">
      <t>キ</t>
    </rPh>
    <phoneticPr fontId="2"/>
  </si>
  <si>
    <t>＊お願い＞レイアウトや項目名等は変更せずご利用下さい。</t>
    <phoneticPr fontId="3"/>
  </si>
  <si>
    <t>依頼日</t>
    <rPh sb="0" eb="2">
      <t>イライ</t>
    </rPh>
    <rPh sb="2" eb="3">
      <t>ビ</t>
    </rPh>
    <phoneticPr fontId="3"/>
  </si>
  <si>
    <r>
      <t>ご依頼者</t>
    </r>
    <r>
      <rPr>
        <b/>
        <sz val="11"/>
        <color indexed="10"/>
        <rFont val="ＭＳ ゴシック"/>
        <family val="3"/>
        <charset val="128"/>
      </rPr>
      <t>※</t>
    </r>
    <rPh sb="1" eb="4">
      <t>イライシャ</t>
    </rPh>
    <phoneticPr fontId="3"/>
  </si>
  <si>
    <t>ご住所 〒</t>
    <rPh sb="1" eb="3">
      <t>ジュウショ</t>
    </rPh>
    <phoneticPr fontId="3"/>
  </si>
  <si>
    <t>会社名
ご所属
ご担当者名</t>
    <phoneticPr fontId="3"/>
  </si>
  <si>
    <t>電話番号</t>
    <rPh sb="0" eb="2">
      <t>デンワ</t>
    </rPh>
    <rPh sb="2" eb="4">
      <t>バンゴウ</t>
    </rPh>
    <phoneticPr fontId="3"/>
  </si>
  <si>
    <t>FAX番号</t>
    <rPh sb="3" eb="5">
      <t>バンゴウ</t>
    </rPh>
    <phoneticPr fontId="3"/>
  </si>
  <si>
    <r>
      <t>集荷日</t>
    </r>
    <r>
      <rPr>
        <b/>
        <sz val="8"/>
        <color indexed="10"/>
        <rFont val="ＭＳ ゴシック"/>
        <family val="3"/>
        <charset val="128"/>
      </rPr>
      <t>※</t>
    </r>
    <rPh sb="0" eb="2">
      <t>シュウカ</t>
    </rPh>
    <rPh sb="2" eb="3">
      <t>ビ</t>
    </rPh>
    <phoneticPr fontId="3"/>
  </si>
  <si>
    <t>月</t>
    <rPh sb="0" eb="1">
      <t>ツキ</t>
    </rPh>
    <phoneticPr fontId="3"/>
  </si>
  <si>
    <t>集　荷　先</t>
    <rPh sb="0" eb="1">
      <t>シュウ</t>
    </rPh>
    <rPh sb="2" eb="3">
      <t>ニ</t>
    </rPh>
    <phoneticPr fontId="3"/>
  </si>
  <si>
    <t>社　名
部門名</t>
    <rPh sb="0" eb="1">
      <t>シャ</t>
    </rPh>
    <rPh sb="2" eb="3">
      <t>ナ</t>
    </rPh>
    <rPh sb="4" eb="6">
      <t>ブモン</t>
    </rPh>
    <rPh sb="6" eb="7">
      <t>メイ</t>
    </rPh>
    <phoneticPr fontId="3"/>
  </si>
  <si>
    <t>（ご依頼者と同じ場合は、｢依頼者｣と記入下さい）</t>
    <rPh sb="20" eb="21">
      <t>クダ</t>
    </rPh>
    <phoneticPr fontId="3"/>
  </si>
  <si>
    <t>担当者名</t>
    <rPh sb="0" eb="3">
      <t>タントウシャ</t>
    </rPh>
    <rPh sb="3" eb="4">
      <t>メイ</t>
    </rPh>
    <phoneticPr fontId="3"/>
  </si>
  <si>
    <t>住 所</t>
    <rPh sb="0" eb="1">
      <t>ジュウ</t>
    </rPh>
    <rPh sb="2" eb="3">
      <t>ショ</t>
    </rPh>
    <phoneticPr fontId="3"/>
  </si>
  <si>
    <r>
      <t>※</t>
    </r>
    <r>
      <rPr>
        <b/>
        <sz val="9"/>
        <color theme="1"/>
        <rFont val="ＭＳ ゴシック"/>
        <family val="3"/>
        <charset val="128"/>
      </rPr>
      <t>〒</t>
    </r>
    <phoneticPr fontId="3"/>
  </si>
  <si>
    <t>（集荷先と同じ場合は、｢集荷先｣と記入下さい）</t>
    <rPh sb="1" eb="3">
      <t>シュウカ</t>
    </rPh>
    <rPh sb="3" eb="4">
      <t>サキ</t>
    </rPh>
    <rPh sb="19" eb="20">
      <t>クダ</t>
    </rPh>
    <phoneticPr fontId="3"/>
  </si>
  <si>
    <t>同　　梱　　品</t>
    <rPh sb="0" eb="1">
      <t>ドウ</t>
    </rPh>
    <rPh sb="3" eb="4">
      <t>コリ</t>
    </rPh>
    <rPh sb="6" eb="7">
      <t>シナ</t>
    </rPh>
    <phoneticPr fontId="3"/>
  </si>
  <si>
    <r>
      <t>故　障　内　容　等</t>
    </r>
    <r>
      <rPr>
        <b/>
        <sz val="9"/>
        <color indexed="10"/>
        <rFont val="ＭＳ ゴシック"/>
        <family val="3"/>
        <charset val="128"/>
      </rPr>
      <t>　※</t>
    </r>
    <r>
      <rPr>
        <b/>
        <sz val="9"/>
        <rFont val="ＭＳ ゴシック"/>
        <family val="3"/>
        <charset val="128"/>
      </rPr>
      <t>　</t>
    </r>
    <rPh sb="0" eb="1">
      <t>ユエ</t>
    </rPh>
    <rPh sb="2" eb="3">
      <t>サワ</t>
    </rPh>
    <rPh sb="4" eb="5">
      <t>ウチ</t>
    </rPh>
    <rPh sb="6" eb="7">
      <t>カタチ</t>
    </rPh>
    <rPh sb="8" eb="9">
      <t>トウ</t>
    </rPh>
    <phoneticPr fontId="3"/>
  </si>
  <si>
    <t>集荷時間帯を選択してください。　（集荷時間帯のご記入が無い場合は、指定なしとさせていただきます。）
＊集荷地域によってご希望の集荷時間帯をご指定できない場合がございます。その際は再スケジュールのご連絡をいたします。</t>
    <phoneticPr fontId="3"/>
  </si>
  <si>
    <t>＊集荷先・返却先は、社名に合わせて部署名（部課名）もご記入下さい。</t>
    <rPh sb="1" eb="3">
      <t>シュウカ</t>
    </rPh>
    <rPh sb="3" eb="4">
      <t>サキ</t>
    </rPh>
    <rPh sb="5" eb="7">
      <t>ヘンキャク</t>
    </rPh>
    <rPh sb="7" eb="8">
      <t>サキ</t>
    </rPh>
    <phoneticPr fontId="3"/>
  </si>
  <si>
    <t>（　　　　　　）</t>
    <phoneticPr fontId="3"/>
  </si>
  <si>
    <t xml:space="preserve">（いつ頃、どのような症状、発生頻度、エラーメッセージ等）
 </t>
    <phoneticPr fontId="2"/>
  </si>
  <si>
    <t>（注意）①有償の場合は、「修理費用区分：有償」欄を必ずご記入ください。②保証の場合は、必ず『お買上日』を記入してください。③有償修理において、修理品引取り後にキャンセルされる場合には診断料金+送料をご請求させていいただきます。ご了承ください。④データ消去時の返却先は、GIGAスクール受付センター内に事前登録が必要です。※登録された返却先が変更になる場合はGIGAスクール受付センターまで登録変更をご用命ください。⑤※は、必須項目です。漏れのないように記入をお願いいたします。
[保守支援センターの個人情報保護について]
１．お客様にご記入いただいた住所などの情報は、保守サービス活動に利用させて頂く場合がございますので、ご了承下さい。 ２．当社から保守委託している保守会社等に必要な情報を預託する場合がございますが、個人情報保護法及び当社と同様の個人情報保護プログラムを遵守させますので、ご了承下さい。
［お客様情報の取り扱いについて］　メインボード交換、初期インストール作業の場合、記録されたデータはすべて消去されます。お預かりしたお客様のデータの保証については一切責任を負いかねますので、お客様側にて事前にバックアップをお取りください。また、修理対象外の装置や記録媒体などのデータ・内容の保証についても同様ですのでお客様にて保管してください。</t>
    <phoneticPr fontId="3"/>
  </si>
  <si>
    <t>②</t>
    <phoneticPr fontId="2"/>
  </si>
  <si>
    <t>https://support.google.com/chrome/a/answer/3523633</t>
    <phoneticPr fontId="2"/>
  </si>
  <si>
    <t>※デプロビジョニング方法の詳細につきましてはGoogleサポートページをご参照ください。</t>
    <rPh sb="37" eb="39">
      <t>サンショウ</t>
    </rPh>
    <phoneticPr fontId="2"/>
  </si>
  <si>
    <t>※起動画面下に“Chromebookは****によって管理されています。”と表示されている場合は必ず実施をお願いします。</t>
    <phoneticPr fontId="2"/>
  </si>
  <si>
    <t>VER_260601-01</t>
    <phoneticPr fontId="3"/>
  </si>
  <si>
    <r>
      <t>Dynabook株式会社</t>
    </r>
    <r>
      <rPr>
        <sz val="8"/>
        <rFont val="HGP創英角ｺﾞｼｯｸUB"/>
        <family val="3"/>
        <charset val="128"/>
      </rPr>
      <t xml:space="preserve">
</t>
    </r>
    <r>
      <rPr>
        <sz val="14"/>
        <rFont val="HGP創英角ｺﾞｼｯｸUB"/>
        <family val="3"/>
        <charset val="128"/>
      </rPr>
      <t>　GIGAスクール修理受付窓口</t>
    </r>
    <r>
      <rPr>
        <sz val="6"/>
        <rFont val="HGP創英角ｺﾞｼｯｸUB"/>
        <family val="3"/>
        <charset val="128"/>
      </rPr>
      <t xml:space="preserve">
</t>
    </r>
    <r>
      <rPr>
        <sz val="8"/>
        <rFont val="HGP創英角ｺﾞｼｯｸUB"/>
        <family val="3"/>
        <charset val="128"/>
      </rPr>
      <t xml:space="preserve">
</t>
    </r>
    <r>
      <rPr>
        <sz val="11"/>
        <rFont val="HGP創英角ｺﾞｼｯｸUB"/>
        <family val="3"/>
        <charset val="128"/>
      </rPr>
      <t>e-mail　
　　DBI-GIGA-FRONT@group.dynabook.com</t>
    </r>
    <r>
      <rPr>
        <sz val="8"/>
        <rFont val="HGP創英角ｺﾞｼｯｸUB"/>
        <family val="3"/>
        <charset val="128"/>
      </rPr>
      <t xml:space="preserve">
</t>
    </r>
    <r>
      <rPr>
        <sz val="10"/>
        <rFont val="HGP創英角ｺﾞｼｯｸUB"/>
        <family val="3"/>
        <charset val="128"/>
      </rPr>
      <t>TEL:0120-86-9192
FAX:043-278-2941
（chromebook版）</t>
    </r>
    <rPh sb="8" eb="12">
      <t>カブシキガイシャ</t>
    </rPh>
    <rPh sb="120" eb="121">
      <t>バン</t>
    </rPh>
    <phoneticPr fontId="3"/>
  </si>
  <si>
    <r>
      <t>確認事項</t>
    </r>
    <r>
      <rPr>
        <b/>
        <sz val="8"/>
        <color indexed="10"/>
        <rFont val="ＭＳ ゴシック"/>
        <family val="3"/>
        <charset val="128"/>
      </rPr>
      <t>※</t>
    </r>
    <rPh sb="0" eb="1">
      <t>アキラ</t>
    </rPh>
    <rPh sb="1" eb="2">
      <t>シノブ</t>
    </rPh>
    <rPh sb="2" eb="3">
      <t>コト</t>
    </rPh>
    <rPh sb="3" eb="4">
      <t>コウ</t>
    </rPh>
    <phoneticPr fontId="3"/>
  </si>
  <si>
    <t>お願い申し上げます。</t>
    <phoneticPr fontId="2"/>
  </si>
  <si>
    <t>修理の検査過程でデータの初期化が必要となりますので、予めデータ消去にご同意いただきますよう</t>
    <phoneticPr fontId="3"/>
  </si>
  <si>
    <t>管理対象から除外する必要があります。</t>
    <phoneticPr fontId="2"/>
  </si>
  <si>
    <t>Chromebookは修理に出す前に、お客様にてプロビジョニング解除（デプロビジョニング）し</t>
    <phoneticPr fontId="2"/>
  </si>
  <si>
    <t>Googleサポートページ</t>
    <phoneticPr fontId="2"/>
  </si>
  <si>
    <t>※ご対応いただけない場合、障害内容によっては修理不可能となります為、ご返却させていただくことがありますのでご了承ください。</t>
    <rPh sb="2" eb="4">
      <t>タイオウ</t>
    </rPh>
    <rPh sb="10" eb="12">
      <t>バアイ</t>
    </rPh>
    <rPh sb="13" eb="15">
      <t>ショウガイ</t>
    </rPh>
    <rPh sb="15" eb="17">
      <t>ナイヨウ</t>
    </rPh>
    <rPh sb="22" eb="24">
      <t>シュウリ</t>
    </rPh>
    <rPh sb="24" eb="27">
      <t>フカノウ</t>
    </rPh>
    <rPh sb="32" eb="33">
      <t>タメ</t>
    </rPh>
    <rPh sb="35" eb="37">
      <t>ヘンキャク</t>
    </rPh>
    <rPh sb="54" eb="56">
      <t>リョウショウ</t>
    </rPh>
    <phoneticPr fontId="2"/>
  </si>
  <si>
    <t>ユーザー名</t>
    <rPh sb="4" eb="5">
      <t>メイ</t>
    </rPh>
    <phoneticPr fontId="2"/>
  </si>
  <si>
    <t>パスワード</t>
    <phoneticPr fontId="2"/>
  </si>
  <si>
    <t>PIN</t>
    <phoneticPr fontId="2"/>
  </si>
  <si>
    <t>：</t>
    <phoneticPr fontId="2"/>
  </si>
  <si>
    <t>検査過程でデータが初期化（消去）されますので、必ずチェックをお願いします。</t>
    <rPh sb="0" eb="4">
      <t>ケンサカテイ</t>
    </rPh>
    <rPh sb="9" eb="12">
      <t>ショキカ</t>
    </rPh>
    <rPh sb="13" eb="15">
      <t>ショウキョ</t>
    </rPh>
    <rPh sb="23" eb="24">
      <t>カナラ</t>
    </rPh>
    <rPh sb="31" eb="32">
      <t>ネガ</t>
    </rPh>
    <phoneticPr fontId="2"/>
  </si>
  <si>
    <t>修理を行うためには管理対象から外す必要があります。デブロビジョニングを行ってから修理依頼をしていただきますようお願いします。</t>
    <rPh sb="0" eb="2">
      <t>シュウリ</t>
    </rPh>
    <rPh sb="3" eb="4">
      <t>オコナ</t>
    </rPh>
    <rPh sb="9" eb="13">
      <t>カンリタイショウ</t>
    </rPh>
    <rPh sb="15" eb="16">
      <t>ハズ</t>
    </rPh>
    <rPh sb="17" eb="19">
      <t>ヒツヨウ</t>
    </rPh>
    <rPh sb="35" eb="36">
      <t>オコナ</t>
    </rPh>
    <rPh sb="40" eb="44">
      <t>シュウリイライ</t>
    </rPh>
    <rPh sb="56" eb="57">
      <t>ネガ</t>
    </rPh>
    <phoneticPr fontId="2"/>
  </si>
  <si>
    <t>デブロビジョニングが行われていない場合、解除依頼をさせていただきますので、修理期間がかかる場合があります。</t>
    <rPh sb="10" eb="11">
      <t>オコナ</t>
    </rPh>
    <rPh sb="17" eb="19">
      <t>バアイ</t>
    </rPh>
    <rPh sb="20" eb="22">
      <t>カイジョ</t>
    </rPh>
    <rPh sb="22" eb="24">
      <t>イライ</t>
    </rPh>
    <rPh sb="37" eb="41">
      <t>シュウリキカン</t>
    </rPh>
    <rPh sb="45" eb="47">
      <t>バアイ</t>
    </rPh>
    <phoneticPr fontId="2"/>
  </si>
  <si>
    <t>故障内容（修理依頼内容）を詳しくご記入ください。</t>
    <rPh sb="0" eb="2">
      <t>コショウ</t>
    </rPh>
    <rPh sb="2" eb="4">
      <t>ナイヨウ</t>
    </rPh>
    <rPh sb="5" eb="7">
      <t>シュウリ</t>
    </rPh>
    <rPh sb="7" eb="9">
      <t>イライ</t>
    </rPh>
    <rPh sb="9" eb="11">
      <t>ナイヨウ</t>
    </rPh>
    <rPh sb="13" eb="14">
      <t>クワ</t>
    </rPh>
    <rPh sb="17" eb="19">
      <t>キニュウ</t>
    </rPh>
    <phoneticPr fontId="2"/>
  </si>
  <si>
    <t>PCでの作業中の故障内容の場合、ログインしての動作確認が必要になりますのでご記入をお願いします。</t>
    <rPh sb="4" eb="7">
      <t>サギョウチュウ</t>
    </rPh>
    <rPh sb="8" eb="12">
      <t>コショウナイヨウ</t>
    </rPh>
    <rPh sb="13" eb="15">
      <t>バアイ</t>
    </rPh>
    <rPh sb="23" eb="25">
      <t>ドウサ</t>
    </rPh>
    <rPh sb="25" eb="27">
      <t>カクニン</t>
    </rPh>
    <rPh sb="28" eb="30">
      <t>ヒツヨウ</t>
    </rPh>
    <rPh sb="38" eb="40">
      <t>キニュウ</t>
    </rPh>
    <rPh sb="42" eb="43">
      <t>ネガ</t>
    </rPh>
    <phoneticPr fontId="2"/>
  </si>
  <si>
    <t>パスワードを設定されている場合、予め解除をお願いします。または、開示いただける場合、ご記入をお願いします。</t>
    <rPh sb="6" eb="8">
      <t>セッテイ</t>
    </rPh>
    <rPh sb="13" eb="15">
      <t>バアイ</t>
    </rPh>
    <rPh sb="16" eb="17">
      <t>アラカジ</t>
    </rPh>
    <rPh sb="18" eb="20">
      <t>カイジョ</t>
    </rPh>
    <rPh sb="22" eb="23">
      <t>ネガ</t>
    </rPh>
    <rPh sb="39" eb="41">
      <t>バアイ</t>
    </rPh>
    <phoneticPr fontId="3"/>
  </si>
  <si>
    <t>非開示の場合、その旨、ご記入ください。その場合、故障個所の特定に至らない場合がありますのでご了承願います。</t>
    <rPh sb="0" eb="3">
      <t>ヒカイジ</t>
    </rPh>
    <rPh sb="4" eb="6">
      <t>バアイ</t>
    </rPh>
    <rPh sb="9" eb="10">
      <t>ムネ</t>
    </rPh>
    <rPh sb="12" eb="14">
      <t>キニュウ</t>
    </rPh>
    <rPh sb="21" eb="23">
      <t>バアイ</t>
    </rPh>
    <rPh sb="24" eb="26">
      <t>コショウ</t>
    </rPh>
    <rPh sb="26" eb="28">
      <t>カショ</t>
    </rPh>
    <rPh sb="29" eb="31">
      <t>トクテイ</t>
    </rPh>
    <rPh sb="32" eb="33">
      <t>イタ</t>
    </rPh>
    <rPh sb="36" eb="38">
      <t>バアイ</t>
    </rPh>
    <rPh sb="46" eb="48">
      <t>リョウショウ</t>
    </rPh>
    <rPh sb="48" eb="49">
      <t>ネガ</t>
    </rPh>
    <phoneticPr fontId="2"/>
  </si>
  <si>
    <t>（Chromebook版）</t>
    <rPh sb="11" eb="12">
      <t>バン</t>
    </rPh>
    <phoneticPr fontId="2"/>
  </si>
  <si>
    <t>A6C1F＊＊＊＊＊＊＊</t>
  </si>
  <si>
    <t>A6C1F＊＊＊＊＊＊＊</t>
    <phoneticPr fontId="2"/>
  </si>
  <si>
    <t>パスワードを設定されている場合、予め解除をお願いします。または、開示をいただける場合、ご記入をお願いします。</t>
    <rPh sb="6" eb="8">
      <t>セッテイ</t>
    </rPh>
    <rPh sb="13" eb="15">
      <t>バアイ</t>
    </rPh>
    <rPh sb="16" eb="17">
      <t>アラカジ</t>
    </rPh>
    <rPh sb="18" eb="20">
      <t>カイジョ</t>
    </rPh>
    <rPh sb="22" eb="23">
      <t>ネガ</t>
    </rPh>
    <rPh sb="40" eb="42">
      <t>バアイ</t>
    </rPh>
    <phoneticPr fontId="3"/>
  </si>
  <si>
    <t>修理依頼品の営業型番（A6C1E＊＊＊）をご記入ください。／製造番号をご記入ください。</t>
    <rPh sb="0" eb="2">
      <t>シュウリ</t>
    </rPh>
    <rPh sb="2" eb="4">
      <t>イライ</t>
    </rPh>
    <rPh sb="4" eb="5">
      <t>ヒン</t>
    </rPh>
    <rPh sb="6" eb="8">
      <t>エイギョウ</t>
    </rPh>
    <rPh sb="8" eb="10">
      <t>カタバン</t>
    </rPh>
    <rPh sb="22" eb="24">
      <t>キニュウ</t>
    </rPh>
    <rPh sb="30" eb="32">
      <t>セイゾウ</t>
    </rPh>
    <rPh sb="32" eb="34">
      <t>バンゴウ</t>
    </rPh>
    <rPh sb="36" eb="38">
      <t>キニュウ</t>
    </rPh>
    <phoneticPr fontId="2"/>
  </si>
  <si>
    <t>d12345</t>
    <phoneticPr fontId="2"/>
  </si>
  <si>
    <t>65005＊＊＊＊H</t>
    <phoneticPr fontId="2"/>
  </si>
  <si>
    <t>6505＊＊＊＊N</t>
    <phoneticPr fontId="2"/>
  </si>
  <si>
    <t>6506＊＊＊＊N</t>
    <phoneticPr fontId="2"/>
  </si>
  <si>
    <t>6507＊＊＊＊N</t>
  </si>
  <si>
    <t>6508＊＊＊＊N</t>
  </si>
  <si>
    <t>6509＊＊＊＊N</t>
  </si>
  <si>
    <t>注文番号</t>
    <rPh sb="0" eb="4">
      <t>チュウモンバンゴウ</t>
    </rPh>
    <phoneticPr fontId="2"/>
  </si>
  <si>
    <t>お引取（集荷）ご希望日をご記入ください。／注文番号がある場合はご記入ください。（任意）</t>
    <rPh sb="1" eb="3">
      <t>ヒキト</t>
    </rPh>
    <rPh sb="4" eb="6">
      <t>シュウカ</t>
    </rPh>
    <rPh sb="8" eb="11">
      <t>キボウビ</t>
    </rPh>
    <rPh sb="13" eb="15">
      <t>キニュウ</t>
    </rPh>
    <phoneticPr fontId="2"/>
  </si>
  <si>
    <r>
      <t xml:space="preserve">住所
</t>
    </r>
    <r>
      <rPr>
        <sz val="6"/>
        <rFont val="ＭＳ ゴシック"/>
        <family val="3"/>
        <charset val="128"/>
      </rPr>
      <t xml:space="preserve">
</t>
    </r>
    <r>
      <rPr>
        <sz val="8"/>
        <rFont val="ＭＳ ゴシック"/>
        <family val="3"/>
        <charset val="128"/>
      </rPr>
      <t xml:space="preserve">会社名
</t>
    </r>
    <r>
      <rPr>
        <sz val="9"/>
        <rFont val="ＭＳ ゴシック"/>
        <family val="3"/>
        <charset val="128"/>
      </rPr>
      <t>所属</t>
    </r>
    <rPh sb="0" eb="2">
      <t>ジュウショ</t>
    </rPh>
    <rPh sb="5" eb="8">
      <t>カイシャメイ</t>
    </rPh>
    <rPh sb="10" eb="12">
      <t>ショゾク</t>
    </rPh>
    <phoneticPr fontId="3"/>
  </si>
  <si>
    <t>日</t>
    <rPh sb="0" eb="1">
      <t>ニチ</t>
    </rPh>
    <phoneticPr fontId="2"/>
  </si>
  <si>
    <t>※お客様締日後起算30日以内にお支払いください</t>
    <phoneticPr fontId="2"/>
  </si>
  <si>
    <t>振込　　　  　代引　　　　</t>
    <rPh sb="0" eb="2">
      <t>フリコミ</t>
    </rPh>
    <rPh sb="8" eb="10">
      <t>ダイビ</t>
    </rPh>
    <phoneticPr fontId="3"/>
  </si>
  <si>
    <t>dynataro</t>
    <phoneticPr fontId="2"/>
  </si>
  <si>
    <t>dyna12345</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2" x14ac:knownFonts="1">
    <font>
      <sz val="11"/>
      <color theme="1"/>
      <name val="游ゴシック"/>
      <family val="2"/>
      <charset val="128"/>
      <scheme val="minor"/>
    </font>
    <font>
      <sz val="14"/>
      <name val="ＭＳ ゴシック"/>
      <family val="3"/>
      <charset val="128"/>
    </font>
    <font>
      <sz val="6"/>
      <name val="游ゴシック"/>
      <family val="2"/>
      <charset val="128"/>
      <scheme val="minor"/>
    </font>
    <font>
      <sz val="6"/>
      <name val="ＭＳ Ｐゴシック"/>
      <family val="3"/>
      <charset val="128"/>
    </font>
    <font>
      <sz val="11"/>
      <name val="ＭＳ ゴシック"/>
      <family val="3"/>
      <charset val="128"/>
    </font>
    <font>
      <b/>
      <sz val="11"/>
      <name val="ＭＳ ゴシック"/>
      <family val="3"/>
      <charset val="128"/>
    </font>
    <font>
      <sz val="6"/>
      <name val="ＭＳ ゴシック"/>
      <family val="3"/>
      <charset val="128"/>
    </font>
    <font>
      <sz val="10"/>
      <name val="ＭＳ ゴシック"/>
      <family val="3"/>
      <charset val="128"/>
    </font>
    <font>
      <sz val="14"/>
      <name val="Meiryo UI"/>
      <family val="3"/>
      <charset val="128"/>
    </font>
    <font>
      <sz val="12"/>
      <name val="Meiryo UI"/>
      <family val="3"/>
      <charset val="128"/>
    </font>
    <font>
      <sz val="11"/>
      <name val="Meiryo UI"/>
      <family val="3"/>
      <charset val="128"/>
    </font>
    <font>
      <sz val="16"/>
      <name val="Meiryo UI"/>
      <family val="3"/>
      <charset val="128"/>
    </font>
    <font>
      <b/>
      <sz val="11"/>
      <name val="Meiryo UI"/>
      <family val="3"/>
      <charset val="128"/>
    </font>
    <font>
      <b/>
      <sz val="11"/>
      <color indexed="10"/>
      <name val="Meiryo UI"/>
      <family val="3"/>
      <charset val="128"/>
    </font>
    <font>
      <b/>
      <sz val="10"/>
      <name val="Meiryo UI"/>
      <family val="3"/>
      <charset val="128"/>
    </font>
    <font>
      <sz val="11"/>
      <color theme="1"/>
      <name val="Meiryo UI"/>
      <family val="3"/>
      <charset val="128"/>
    </font>
    <font>
      <b/>
      <sz val="8"/>
      <color indexed="10"/>
      <name val="Meiryo UI"/>
      <family val="3"/>
      <charset val="128"/>
    </font>
    <font>
      <sz val="10"/>
      <name val="Meiryo UI"/>
      <family val="3"/>
      <charset val="128"/>
    </font>
    <font>
      <sz val="8"/>
      <name val="Meiryo UI"/>
      <family val="3"/>
      <charset val="128"/>
    </font>
    <font>
      <sz val="8"/>
      <color rgb="FFFF0000"/>
      <name val="Meiryo UI"/>
      <family val="3"/>
      <charset val="128"/>
    </font>
    <font>
      <b/>
      <sz val="8"/>
      <name val="Meiryo UI"/>
      <family val="3"/>
      <charset val="128"/>
    </font>
    <font>
      <b/>
      <sz val="7"/>
      <name val="Meiryo UI"/>
      <family val="3"/>
      <charset val="128"/>
    </font>
    <font>
      <b/>
      <sz val="11"/>
      <color rgb="FFFF0000"/>
      <name val="Meiryo UI"/>
      <family val="3"/>
      <charset val="128"/>
    </font>
    <font>
      <sz val="9"/>
      <color rgb="FF000000"/>
      <name val="Meiryo UI"/>
      <family val="3"/>
      <charset val="128"/>
    </font>
    <font>
      <sz val="9"/>
      <color theme="1"/>
      <name val="游ゴシック"/>
      <family val="2"/>
      <charset val="128"/>
      <scheme val="minor"/>
    </font>
    <font>
      <b/>
      <sz val="8"/>
      <color theme="1"/>
      <name val="游ゴシック"/>
      <family val="2"/>
      <charset val="128"/>
      <scheme val="minor"/>
    </font>
    <font>
      <sz val="10"/>
      <color rgb="FFFF0000"/>
      <name val="Meiryo UI"/>
      <family val="3"/>
      <charset val="128"/>
    </font>
    <font>
      <sz val="11"/>
      <color rgb="FFFF0000"/>
      <name val="游ゴシック"/>
      <family val="2"/>
      <charset val="128"/>
      <scheme val="minor"/>
    </font>
    <font>
      <sz val="11"/>
      <color rgb="FFFF0000"/>
      <name val="Meiryo UI"/>
      <family val="3"/>
      <charset val="128"/>
    </font>
    <font>
      <sz val="11"/>
      <color rgb="FFFF0000"/>
      <name val="游ゴシック"/>
      <family val="3"/>
      <charset val="128"/>
      <scheme val="minor"/>
    </font>
    <font>
      <sz val="12"/>
      <color rgb="FFFF0000"/>
      <name val="Meiryo UI"/>
      <family val="3"/>
      <charset val="128"/>
    </font>
    <font>
      <sz val="12"/>
      <color rgb="FFFF0000"/>
      <name val="游ゴシック"/>
      <family val="2"/>
      <charset val="128"/>
      <scheme val="minor"/>
    </font>
    <font>
      <sz val="9"/>
      <color rgb="FFFF0000"/>
      <name val="游ゴシック"/>
      <family val="2"/>
      <charset val="128"/>
      <scheme val="minor"/>
    </font>
    <font>
      <b/>
      <sz val="8"/>
      <color rgb="FFFF0000"/>
      <name val="ＭＳ Ｐゴシック"/>
      <family val="3"/>
      <charset val="128"/>
    </font>
    <font>
      <sz val="8"/>
      <name val="ＭＳ Ｐゴシック"/>
      <family val="3"/>
      <charset val="128"/>
    </font>
    <font>
      <sz val="12"/>
      <name val="ＭＳ ゴシック"/>
      <family val="3"/>
      <charset val="128"/>
    </font>
    <font>
      <b/>
      <sz val="11"/>
      <color indexed="10"/>
      <name val="ＭＳ ゴシック"/>
      <family val="3"/>
      <charset val="128"/>
    </font>
    <font>
      <b/>
      <sz val="9"/>
      <name val="ＭＳ ゴシック"/>
      <family val="3"/>
      <charset val="128"/>
    </font>
    <font>
      <sz val="9"/>
      <name val="ＭＳ ゴシック"/>
      <family val="3"/>
      <charset val="128"/>
    </font>
    <font>
      <sz val="9"/>
      <name val="ＭＳ Ｐゴシック"/>
      <family val="3"/>
      <charset val="128"/>
    </font>
    <font>
      <b/>
      <sz val="9"/>
      <name val="ＭＳ Ｐゴシック"/>
      <family val="3"/>
      <charset val="128"/>
    </font>
    <font>
      <sz val="16"/>
      <name val="HGP創英角ｺﾞｼｯｸUB"/>
      <family val="3"/>
      <charset val="128"/>
    </font>
    <font>
      <sz val="8"/>
      <name val="HGP創英角ｺﾞｼｯｸUB"/>
      <family val="3"/>
      <charset val="128"/>
    </font>
    <font>
      <sz val="10"/>
      <name val="HGP創英角ｺﾞｼｯｸUB"/>
      <family val="3"/>
      <charset val="128"/>
    </font>
    <font>
      <sz val="6"/>
      <name val="HGP創英角ｺﾞｼｯｸUB"/>
      <family val="3"/>
      <charset val="128"/>
    </font>
    <font>
      <sz val="11"/>
      <name val="HGP創英角ｺﾞｼｯｸUB"/>
      <family val="3"/>
      <charset val="128"/>
    </font>
    <font>
      <b/>
      <sz val="8"/>
      <color indexed="10"/>
      <name val="ＭＳ ゴシック"/>
      <family val="3"/>
      <charset val="128"/>
    </font>
    <font>
      <sz val="10"/>
      <name val="ＭＳ Ｐゴシック"/>
      <family val="3"/>
      <charset val="128"/>
    </font>
    <font>
      <sz val="8"/>
      <name val="ＭＳ ゴシック"/>
      <family val="3"/>
      <charset val="128"/>
    </font>
    <font>
      <b/>
      <sz val="8"/>
      <color rgb="FFFF0000"/>
      <name val="ＭＳ ゴシック"/>
      <family val="3"/>
      <charset val="128"/>
    </font>
    <font>
      <sz val="11"/>
      <color theme="1"/>
      <name val="ＭＳ ゴシック"/>
      <family val="3"/>
      <charset val="128"/>
    </font>
    <font>
      <b/>
      <sz val="9"/>
      <color theme="1"/>
      <name val="ＭＳ ゴシック"/>
      <family val="3"/>
      <charset val="128"/>
    </font>
    <font>
      <b/>
      <sz val="7"/>
      <name val="ＭＳ ゴシック"/>
      <family val="3"/>
      <charset val="128"/>
    </font>
    <font>
      <b/>
      <sz val="9"/>
      <color indexed="10"/>
      <name val="ＭＳ ゴシック"/>
      <family val="3"/>
      <charset val="128"/>
    </font>
    <font>
      <sz val="14"/>
      <name val="HGP創英角ｺﾞｼｯｸUB"/>
      <family val="3"/>
      <charset val="128"/>
    </font>
    <font>
      <b/>
      <sz val="6"/>
      <name val="ＭＳ ゴシック"/>
      <family val="3"/>
      <charset val="128"/>
    </font>
    <font>
      <u/>
      <sz val="11"/>
      <color theme="10"/>
      <name val="游ゴシック"/>
      <family val="2"/>
      <charset val="128"/>
      <scheme val="minor"/>
    </font>
    <font>
      <u/>
      <sz val="9"/>
      <color theme="10"/>
      <name val="ＭＳ ゴシック"/>
      <family val="3"/>
      <charset val="128"/>
    </font>
    <font>
      <b/>
      <sz val="10"/>
      <color rgb="FFFF0000"/>
      <name val="Meiryo UI"/>
      <family val="3"/>
      <charset val="128"/>
    </font>
    <font>
      <sz val="9"/>
      <color rgb="FFFF0000"/>
      <name val="ＭＳ ゴシック"/>
      <family val="3"/>
      <charset val="128"/>
    </font>
    <font>
      <b/>
      <sz val="11"/>
      <color theme="1"/>
      <name val="游ゴシック"/>
      <family val="2"/>
      <charset val="128"/>
      <scheme val="minor"/>
    </font>
    <font>
      <sz val="11"/>
      <color rgb="FFFF0000"/>
      <name val="ＭＳ ゴシック"/>
      <family val="3"/>
      <charset val="128"/>
    </font>
  </fonts>
  <fills count="3">
    <fill>
      <patternFill patternType="none"/>
    </fill>
    <fill>
      <patternFill patternType="gray125"/>
    </fill>
    <fill>
      <patternFill patternType="solid">
        <fgColor indexed="9"/>
        <bgColor indexed="64"/>
      </patternFill>
    </fill>
  </fills>
  <borders count="49">
    <border>
      <left/>
      <right/>
      <top/>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style="medium">
        <color indexed="64"/>
      </left>
      <right/>
      <top/>
      <bottom style="thin">
        <color indexed="64"/>
      </bottom>
      <diagonal/>
    </border>
    <border>
      <left style="thin">
        <color indexed="64"/>
      </left>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auto="1"/>
      </left>
      <right style="thin">
        <color auto="1"/>
      </right>
      <top/>
      <bottom/>
      <diagonal/>
    </border>
    <border>
      <left/>
      <right style="medium">
        <color indexed="64"/>
      </right>
      <top/>
      <bottom style="thin">
        <color indexed="64"/>
      </bottom>
      <diagonal/>
    </border>
  </borders>
  <cellStyleXfs count="2">
    <xf numFmtId="0" fontId="0" fillId="0" borderId="0">
      <alignment vertical="center"/>
    </xf>
    <xf numFmtId="0" fontId="56" fillId="0" borderId="0" applyNumberFormat="0" applyFill="0" applyBorder="0" applyAlignment="0" applyProtection="0">
      <alignment vertical="center"/>
    </xf>
  </cellStyleXfs>
  <cellXfs count="425">
    <xf numFmtId="0" fontId="0" fillId="0" borderId="0" xfId="0">
      <alignment vertical="center"/>
    </xf>
    <xf numFmtId="0" fontId="1" fillId="0" borderId="0" xfId="0" applyFont="1" applyAlignment="1">
      <alignment horizontal="center" vertical="center"/>
    </xf>
    <xf numFmtId="0" fontId="4" fillId="0" borderId="0" xfId="0" applyFont="1" applyAlignment="1">
      <alignment horizontal="center" vertical="center"/>
    </xf>
    <xf numFmtId="0" fontId="6" fillId="0" borderId="0" xfId="0" applyFont="1" applyAlignment="1">
      <alignment horizontal="center" vertical="center"/>
    </xf>
    <xf numFmtId="0" fontId="7" fillId="0" borderId="0" xfId="0" applyFont="1" applyAlignment="1">
      <alignment horizontal="center" vertical="center"/>
    </xf>
    <xf numFmtId="0" fontId="4" fillId="0" borderId="0" xfId="0" applyFont="1" applyAlignment="1">
      <alignment horizontal="left" vertical="center"/>
    </xf>
    <xf numFmtId="0" fontId="4" fillId="0" borderId="0" xfId="0" applyFont="1" applyAlignment="1">
      <alignment horizontal="right" vertical="center"/>
    </xf>
    <xf numFmtId="0" fontId="5" fillId="0" borderId="0" xfId="0" applyFont="1" applyAlignment="1">
      <alignment horizontal="left" vertical="center"/>
    </xf>
    <xf numFmtId="0" fontId="8" fillId="0" borderId="0" xfId="0" applyFont="1" applyAlignment="1">
      <alignment horizontal="center" vertical="center"/>
    </xf>
    <xf numFmtId="0" fontId="8" fillId="0" borderId="0" xfId="0" quotePrefix="1" applyFont="1" applyAlignment="1">
      <alignment horizontal="center" vertical="center"/>
    </xf>
    <xf numFmtId="0" fontId="10" fillId="0" borderId="0" xfId="0" applyFont="1" applyAlignment="1">
      <alignment horizontal="center" vertical="center"/>
    </xf>
    <xf numFmtId="0" fontId="11" fillId="0" borderId="0" xfId="0" applyFont="1" applyAlignment="1">
      <alignment horizontal="left" vertical="center"/>
    </xf>
    <xf numFmtId="0" fontId="10" fillId="2" borderId="0" xfId="0" applyFont="1" applyFill="1" applyAlignment="1">
      <alignment horizontal="left" vertical="center"/>
    </xf>
    <xf numFmtId="0" fontId="10" fillId="2" borderId="0" xfId="0" applyFont="1" applyFill="1" applyAlignment="1">
      <alignment horizontal="center" vertical="center"/>
    </xf>
    <xf numFmtId="0" fontId="10" fillId="0" borderId="8" xfId="0" applyFont="1" applyBorder="1" applyAlignment="1">
      <alignment horizontal="center" vertical="center"/>
    </xf>
    <xf numFmtId="0" fontId="10" fillId="0" borderId="8" xfId="0" applyFont="1" applyBorder="1">
      <alignmen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0" fillId="0" borderId="16" xfId="0" applyFont="1" applyBorder="1" applyAlignment="1">
      <alignment horizontal="left" vertical="center"/>
    </xf>
    <xf numFmtId="0" fontId="10" fillId="0" borderId="19" xfId="0" applyFont="1" applyBorder="1" applyAlignment="1">
      <alignment horizontal="left" vertical="center"/>
    </xf>
    <xf numFmtId="0" fontId="10" fillId="0" borderId="20" xfId="0" applyFont="1" applyBorder="1" applyAlignment="1">
      <alignment horizontal="left" vertical="center"/>
    </xf>
    <xf numFmtId="0" fontId="10" fillId="0" borderId="3" xfId="0" applyFont="1" applyBorder="1" applyAlignment="1">
      <alignment horizontal="left" vertical="top"/>
    </xf>
    <xf numFmtId="0" fontId="10" fillId="0" borderId="0" xfId="0" applyFont="1" applyAlignment="1">
      <alignment horizontal="center" vertical="top"/>
    </xf>
    <xf numFmtId="0" fontId="10" fillId="0" borderId="0" xfId="0" applyFont="1" applyAlignment="1">
      <alignment horizontal="left" vertical="top"/>
    </xf>
    <xf numFmtId="0" fontId="10" fillId="0" borderId="3" xfId="0" applyFont="1" applyBorder="1" applyAlignment="1">
      <alignment horizontal="left" vertical="center" wrapText="1"/>
    </xf>
    <xf numFmtId="0" fontId="10" fillId="0" borderId="3" xfId="0" applyFont="1" applyBorder="1" applyAlignment="1">
      <alignment horizontal="left" vertical="center"/>
    </xf>
    <xf numFmtId="0" fontId="10" fillId="0" borderId="23" xfId="0" applyFont="1" applyBorder="1">
      <alignment vertical="center"/>
    </xf>
    <xf numFmtId="0" fontId="15" fillId="0" borderId="0" xfId="0" applyFont="1" applyAlignment="1">
      <alignment horizontal="left" vertical="center"/>
    </xf>
    <xf numFmtId="0" fontId="15" fillId="0" borderId="0" xfId="0" applyFont="1" applyAlignment="1">
      <alignment horizontal="center" vertical="center"/>
    </xf>
    <xf numFmtId="0" fontId="17" fillId="0" borderId="6" xfId="0" applyFont="1" applyBorder="1" applyAlignment="1">
      <alignment horizontal="left"/>
    </xf>
    <xf numFmtId="0" fontId="18" fillId="0" borderId="8" xfId="0" applyFont="1" applyBorder="1" applyAlignment="1">
      <alignment horizontal="left"/>
    </xf>
    <xf numFmtId="0" fontId="18" fillId="0" borderId="0" xfId="0" applyFont="1" applyAlignment="1">
      <alignment horizontal="left"/>
    </xf>
    <xf numFmtId="0" fontId="10" fillId="0" borderId="24" xfId="0" applyFont="1" applyBorder="1" applyAlignment="1">
      <alignment horizontal="left" vertical="center"/>
    </xf>
    <xf numFmtId="0" fontId="15" fillId="0" borderId="25" xfId="0" applyFont="1" applyBorder="1">
      <alignment vertical="center"/>
    </xf>
    <xf numFmtId="0" fontId="10" fillId="2" borderId="26" xfId="0" applyFont="1" applyFill="1" applyBorder="1" applyAlignment="1">
      <alignment horizontal="left" vertical="center"/>
    </xf>
    <xf numFmtId="0" fontId="10" fillId="2" borderId="25" xfId="0" applyFont="1" applyFill="1" applyBorder="1" applyAlignment="1">
      <alignment horizontal="left" vertical="center"/>
    </xf>
    <xf numFmtId="0" fontId="19" fillId="0" borderId="25" xfId="0" applyFont="1" applyBorder="1" applyAlignment="1">
      <alignment horizontal="left" vertical="center"/>
    </xf>
    <xf numFmtId="0" fontId="19" fillId="0" borderId="3" xfId="0" applyFont="1" applyBorder="1" applyAlignment="1">
      <alignment horizontal="left" vertical="center"/>
    </xf>
    <xf numFmtId="0" fontId="10" fillId="0" borderId="27" xfId="0" applyFont="1" applyBorder="1" applyAlignment="1">
      <alignment horizontal="left" vertical="center"/>
    </xf>
    <xf numFmtId="0" fontId="18" fillId="0" borderId="30" xfId="0" applyFont="1" applyBorder="1">
      <alignment vertical="center"/>
    </xf>
    <xf numFmtId="0" fontId="18" fillId="0" borderId="31" xfId="0" applyFont="1" applyBorder="1">
      <alignment vertical="center"/>
    </xf>
    <xf numFmtId="0" fontId="18" fillId="0" borderId="32" xfId="0" applyFont="1" applyBorder="1">
      <alignment vertical="center"/>
    </xf>
    <xf numFmtId="0" fontId="10" fillId="0" borderId="30" xfId="0" applyFont="1" applyBorder="1" applyAlignment="1">
      <alignment horizontal="left" vertical="center"/>
    </xf>
    <xf numFmtId="0" fontId="15" fillId="0" borderId="31" xfId="0" applyFont="1" applyBorder="1">
      <alignment vertical="center"/>
    </xf>
    <xf numFmtId="0" fontId="10" fillId="2" borderId="31" xfId="0" applyFont="1" applyFill="1" applyBorder="1" applyAlignment="1">
      <alignment horizontal="left" vertical="center"/>
    </xf>
    <xf numFmtId="0" fontId="19" fillId="0" borderId="31" xfId="0" applyFont="1" applyBorder="1" applyAlignment="1">
      <alignment horizontal="left" vertical="center"/>
    </xf>
    <xf numFmtId="0" fontId="18" fillId="0" borderId="36" xfId="0" applyFont="1" applyBorder="1" applyAlignment="1">
      <alignment horizontal="left" vertical="center"/>
    </xf>
    <xf numFmtId="0" fontId="18" fillId="0" borderId="19" xfId="0" applyFont="1" applyBorder="1" applyAlignment="1">
      <alignment horizontal="left" vertical="center"/>
    </xf>
    <xf numFmtId="0" fontId="16" fillId="0" borderId="18" xfId="0" applyFont="1" applyBorder="1" applyAlignment="1">
      <alignment horizontal="left" vertical="center"/>
    </xf>
    <xf numFmtId="0" fontId="18" fillId="0" borderId="4" xfId="0" applyFont="1" applyBorder="1" applyAlignment="1">
      <alignment horizontal="left" vertical="center"/>
    </xf>
    <xf numFmtId="0" fontId="18" fillId="0" borderId="0" xfId="0" applyFont="1" applyAlignment="1">
      <alignment horizontal="left" vertical="center"/>
    </xf>
    <xf numFmtId="0" fontId="16" fillId="0" borderId="24" xfId="0" applyFont="1" applyBorder="1" applyAlignment="1">
      <alignment horizontal="left" vertical="center"/>
    </xf>
    <xf numFmtId="0" fontId="18" fillId="0" borderId="40" xfId="0" applyFont="1" applyBorder="1" applyAlignment="1">
      <alignment horizontal="left" vertical="center"/>
    </xf>
    <xf numFmtId="0" fontId="18" fillId="0" borderId="41" xfId="0" applyFont="1" applyBorder="1" applyAlignment="1">
      <alignment horizontal="left" vertical="center"/>
    </xf>
    <xf numFmtId="0" fontId="16" fillId="0" borderId="40" xfId="0" applyFont="1" applyBorder="1" applyAlignment="1">
      <alignment horizontal="left" vertical="center"/>
    </xf>
    <xf numFmtId="0" fontId="10" fillId="0" borderId="41" xfId="0" applyFont="1" applyBorder="1" applyAlignment="1">
      <alignment horizontal="left" vertical="center"/>
    </xf>
    <xf numFmtId="0" fontId="12" fillId="0" borderId="16" xfId="0" applyFont="1" applyBorder="1" applyAlignment="1">
      <alignment horizontal="left" vertical="center"/>
    </xf>
    <xf numFmtId="0" fontId="12" fillId="0" borderId="17" xfId="0" applyFont="1" applyBorder="1" applyAlignment="1">
      <alignment horizontal="left" vertical="center"/>
    </xf>
    <xf numFmtId="0" fontId="16" fillId="0" borderId="16" xfId="0" applyFont="1" applyBorder="1" applyAlignment="1">
      <alignment horizontal="left" vertical="center"/>
    </xf>
    <xf numFmtId="0" fontId="15" fillId="0" borderId="0" xfId="0" applyFont="1" applyAlignment="1"/>
    <xf numFmtId="0" fontId="22" fillId="0" borderId="0" xfId="0" applyFont="1" applyAlignment="1"/>
    <xf numFmtId="0" fontId="15" fillId="0" borderId="22" xfId="0" applyFont="1" applyBorder="1" applyAlignment="1"/>
    <xf numFmtId="0" fontId="15" fillId="0" borderId="22" xfId="0" applyFont="1" applyBorder="1" applyAlignment="1">
      <alignment horizontal="center"/>
    </xf>
    <xf numFmtId="0" fontId="24" fillId="0" borderId="22" xfId="0" applyFont="1" applyBorder="1">
      <alignment vertical="center"/>
    </xf>
    <xf numFmtId="0" fontId="24" fillId="0" borderId="47" xfId="0" applyFont="1" applyBorder="1">
      <alignment vertical="center"/>
    </xf>
    <xf numFmtId="0" fontId="10" fillId="0" borderId="4" xfId="0" applyFont="1" applyBorder="1" applyAlignment="1">
      <alignment horizontal="center" vertical="center"/>
    </xf>
    <xf numFmtId="0" fontId="20" fillId="0" borderId="0" xfId="0" applyFont="1" applyAlignment="1">
      <alignment horizontal="left" vertical="center"/>
    </xf>
    <xf numFmtId="0" fontId="10" fillId="0" borderId="3" xfId="0" applyFont="1" applyBorder="1" applyAlignment="1">
      <alignment horizontal="center" vertical="center"/>
    </xf>
    <xf numFmtId="0" fontId="0" fillId="0" borderId="0" xfId="0" applyAlignment="1">
      <alignment horizontal="left" vertical="center"/>
    </xf>
    <xf numFmtId="0" fontId="15" fillId="0" borderId="8" xfId="0" applyFont="1" applyBorder="1" applyAlignment="1">
      <alignment horizontal="center" vertical="center"/>
    </xf>
    <xf numFmtId="0" fontId="10" fillId="0" borderId="8" xfId="0" applyFont="1" applyBorder="1" applyAlignment="1">
      <alignment horizontal="left" vertical="center"/>
    </xf>
    <xf numFmtId="0" fontId="10" fillId="0" borderId="25" xfId="0" applyFont="1" applyBorder="1" applyAlignment="1">
      <alignment horizontal="left" vertical="center"/>
    </xf>
    <xf numFmtId="0" fontId="10" fillId="0" borderId="31" xfId="0" applyFont="1" applyBorder="1" applyAlignment="1">
      <alignment horizontal="left" vertical="center"/>
    </xf>
    <xf numFmtId="0" fontId="9" fillId="0" borderId="0" xfId="0" applyFont="1" applyAlignment="1">
      <alignment horizontal="center" vertical="center"/>
    </xf>
    <xf numFmtId="0" fontId="10" fillId="0" borderId="0" xfId="0" applyFont="1">
      <alignment vertical="center"/>
    </xf>
    <xf numFmtId="0" fontId="26" fillId="0" borderId="0" xfId="0" applyFont="1" applyAlignment="1">
      <alignment horizontal="left" vertical="top"/>
    </xf>
    <xf numFmtId="0" fontId="32" fillId="0" borderId="22" xfId="0" applyFont="1" applyBorder="1">
      <alignment vertical="center"/>
    </xf>
    <xf numFmtId="0" fontId="28" fillId="0" borderId="22" xfId="0" applyFont="1" applyBorder="1" applyAlignment="1"/>
    <xf numFmtId="0" fontId="35" fillId="0" borderId="0" xfId="0" applyFont="1" applyAlignment="1">
      <alignment horizontal="center" vertical="center"/>
    </xf>
    <xf numFmtId="0" fontId="37" fillId="0" borderId="3" xfId="0" applyFont="1" applyBorder="1" applyAlignment="1">
      <alignment horizontal="left" vertical="center"/>
    </xf>
    <xf numFmtId="0" fontId="38" fillId="0" borderId="3" xfId="0" applyFont="1" applyBorder="1" applyAlignment="1">
      <alignment horizontal="center" vertical="center"/>
    </xf>
    <xf numFmtId="0" fontId="0" fillId="0" borderId="6" xfId="0" applyBorder="1" applyAlignment="1">
      <alignment vertical="top"/>
    </xf>
    <xf numFmtId="0" fontId="0" fillId="0" borderId="8" xfId="0" applyBorder="1" applyAlignment="1">
      <alignment vertical="top"/>
    </xf>
    <xf numFmtId="0" fontId="4" fillId="0" borderId="8" xfId="0" applyFont="1" applyBorder="1" applyAlignment="1">
      <alignment vertical="center" wrapText="1"/>
    </xf>
    <xf numFmtId="0" fontId="4" fillId="0" borderId="8" xfId="0" applyFont="1" applyBorder="1">
      <alignment vertical="center"/>
    </xf>
    <xf numFmtId="0" fontId="4" fillId="0" borderId="7" xfId="0" applyFont="1" applyBorder="1">
      <alignment vertical="center"/>
    </xf>
    <xf numFmtId="0" fontId="37" fillId="0" borderId="10" xfId="0" quotePrefix="1" applyFont="1" applyBorder="1" applyAlignment="1">
      <alignment horizontal="center" vertical="center"/>
    </xf>
    <xf numFmtId="0" fontId="37" fillId="0" borderId="10" xfId="0" applyFont="1" applyBorder="1" applyAlignment="1">
      <alignment horizontal="left" vertical="center"/>
    </xf>
    <xf numFmtId="0" fontId="37" fillId="0" borderId="10" xfId="0" applyFont="1" applyBorder="1" applyAlignment="1">
      <alignment horizontal="center" vertical="center"/>
    </xf>
    <xf numFmtId="0" fontId="38" fillId="0" borderId="0" xfId="0" applyFont="1" applyAlignment="1">
      <alignment horizontal="center" vertical="center"/>
    </xf>
    <xf numFmtId="0" fontId="38" fillId="2" borderId="26" xfId="0" applyFont="1" applyFill="1" applyBorder="1" applyAlignment="1">
      <alignment horizontal="center" vertical="center"/>
    </xf>
    <xf numFmtId="0" fontId="46" fillId="0" borderId="18" xfId="0" applyFont="1" applyBorder="1" applyAlignment="1">
      <alignment horizontal="left" vertical="center"/>
    </xf>
    <xf numFmtId="0" fontId="49" fillId="0" borderId="25" xfId="0" applyFont="1" applyBorder="1" applyAlignment="1">
      <alignment horizontal="left" vertical="center"/>
    </xf>
    <xf numFmtId="0" fontId="49" fillId="0" borderId="24" xfId="0" applyFont="1" applyBorder="1" applyAlignment="1">
      <alignment horizontal="left" vertical="center"/>
    </xf>
    <xf numFmtId="0" fontId="55" fillId="0" borderId="0" xfId="0" applyFont="1" applyAlignment="1">
      <alignment horizontal="left"/>
    </xf>
    <xf numFmtId="0" fontId="38" fillId="0" borderId="24" xfId="0" applyFont="1" applyBorder="1" applyAlignment="1">
      <alignment horizontal="left" vertical="center"/>
    </xf>
    <xf numFmtId="0" fontId="4" fillId="0" borderId="1" xfId="0" applyFont="1" applyBorder="1" applyAlignment="1">
      <alignment horizontal="left" vertical="center"/>
    </xf>
    <xf numFmtId="0" fontId="4" fillId="0" borderId="3" xfId="0" applyFont="1" applyBorder="1" applyAlignment="1">
      <alignment horizontal="left" vertical="center" shrinkToFit="1"/>
    </xf>
    <xf numFmtId="0" fontId="4" fillId="0" borderId="3" xfId="0" applyFont="1" applyBorder="1" applyAlignment="1">
      <alignment horizontal="left" vertical="center"/>
    </xf>
    <xf numFmtId="0" fontId="5" fillId="0" borderId="3" xfId="0" applyFont="1" applyBorder="1" applyAlignment="1">
      <alignment horizontal="left" vertical="center"/>
    </xf>
    <xf numFmtId="0" fontId="4" fillId="0" borderId="46" xfId="0" applyFont="1" applyBorder="1" applyAlignment="1">
      <alignment horizontal="left" vertical="center"/>
    </xf>
    <xf numFmtId="0" fontId="4" fillId="0" borderId="4" xfId="0" applyFont="1" applyBorder="1" applyAlignment="1">
      <alignment horizontal="left" vertical="center"/>
    </xf>
    <xf numFmtId="0" fontId="1" fillId="0" borderId="0" xfId="0" applyFont="1" applyAlignment="1">
      <alignment horizontal="left" vertical="center" shrinkToFit="1"/>
    </xf>
    <xf numFmtId="0" fontId="4" fillId="0" borderId="23" xfId="0" applyFont="1" applyBorder="1" applyAlignment="1">
      <alignment horizontal="left" vertical="center"/>
    </xf>
    <xf numFmtId="0" fontId="7" fillId="0" borderId="0" xfId="0" applyFont="1" applyAlignment="1">
      <alignment horizontal="left" vertical="center"/>
    </xf>
    <xf numFmtId="0" fontId="48" fillId="0" borderId="0" xfId="0" applyFont="1" applyAlignment="1">
      <alignment horizontal="left" vertical="center" shrinkToFit="1"/>
    </xf>
    <xf numFmtId="0" fontId="38" fillId="0" borderId="4" xfId="0" applyFont="1" applyBorder="1" applyAlignment="1">
      <alignment horizontal="left" vertical="center"/>
    </xf>
    <xf numFmtId="0" fontId="38" fillId="0" borderId="0" xfId="0" applyFont="1" applyAlignment="1">
      <alignment horizontal="left" vertical="center"/>
    </xf>
    <xf numFmtId="0" fontId="57" fillId="0" borderId="0" xfId="1" applyFont="1" applyAlignment="1">
      <alignment horizontal="left" vertical="center"/>
    </xf>
    <xf numFmtId="0" fontId="4" fillId="0" borderId="0" xfId="0" applyFont="1" applyAlignment="1">
      <alignment horizontal="left" vertical="center" shrinkToFit="1"/>
    </xf>
    <xf numFmtId="0" fontId="1" fillId="0" borderId="0" xfId="0" applyFont="1" applyAlignment="1">
      <alignment horizontal="left" vertical="center"/>
    </xf>
    <xf numFmtId="0" fontId="4" fillId="0" borderId="25" xfId="0" applyFont="1" applyBorder="1" applyAlignment="1">
      <alignment horizontal="left" vertical="center"/>
    </xf>
    <xf numFmtId="0" fontId="58" fillId="0" borderId="0" xfId="0" applyFont="1" applyAlignment="1">
      <alignment horizontal="left" vertical="center"/>
    </xf>
    <xf numFmtId="0" fontId="26" fillId="0" borderId="0" xfId="0" applyFont="1" applyAlignment="1">
      <alignment horizontal="left" vertical="center"/>
    </xf>
    <xf numFmtId="0" fontId="0" fillId="0" borderId="31" xfId="0" applyBorder="1" applyAlignment="1">
      <alignment horizontal="left" vertical="center"/>
    </xf>
    <xf numFmtId="0" fontId="38" fillId="0" borderId="31" xfId="0" applyFont="1" applyBorder="1" applyAlignment="1">
      <alignment horizontal="left" vertical="center"/>
    </xf>
    <xf numFmtId="0" fontId="4" fillId="0" borderId="31" xfId="0" applyFont="1" applyBorder="1" applyAlignment="1" applyProtection="1">
      <alignment horizontal="left" vertical="center"/>
      <protection locked="0"/>
    </xf>
    <xf numFmtId="0" fontId="50" fillId="0" borderId="31" xfId="0" applyFont="1" applyBorder="1" applyAlignment="1" applyProtection="1">
      <alignment horizontal="left" vertical="center"/>
      <protection locked="0"/>
    </xf>
    <xf numFmtId="0" fontId="50" fillId="0" borderId="33" xfId="0" applyFont="1" applyBorder="1" applyAlignment="1" applyProtection="1">
      <alignment horizontal="left" vertical="center"/>
      <protection locked="0"/>
    </xf>
    <xf numFmtId="0" fontId="0" fillId="0" borderId="25" xfId="0" applyBorder="1">
      <alignment vertical="center"/>
    </xf>
    <xf numFmtId="0" fontId="0" fillId="0" borderId="27" xfId="0" applyBorder="1">
      <alignment vertical="center"/>
    </xf>
    <xf numFmtId="0" fontId="7" fillId="0" borderId="24" xfId="0" applyFont="1" applyBorder="1">
      <alignment vertical="center"/>
    </xf>
    <xf numFmtId="0" fontId="59" fillId="0" borderId="25" xfId="0" applyFont="1" applyBorder="1">
      <alignment vertical="center"/>
    </xf>
    <xf numFmtId="0" fontId="28" fillId="0" borderId="31" xfId="0" applyFont="1" applyBorder="1" applyAlignment="1">
      <alignment horizontal="center" vertical="center"/>
    </xf>
    <xf numFmtId="0" fontId="27" fillId="0" borderId="31" xfId="0" applyFont="1" applyBorder="1" applyAlignment="1">
      <alignment horizontal="center" vertical="center"/>
    </xf>
    <xf numFmtId="0" fontId="27" fillId="0" borderId="33" xfId="0" applyFont="1" applyBorder="1" applyAlignment="1">
      <alignment horizontal="center" vertical="center"/>
    </xf>
    <xf numFmtId="0" fontId="0" fillId="0" borderId="31" xfId="0" applyBorder="1" applyAlignment="1">
      <alignment horizontal="center" vertical="center"/>
    </xf>
    <xf numFmtId="0" fontId="0" fillId="0" borderId="30" xfId="0" applyBorder="1" applyAlignment="1">
      <alignment horizontal="left" vertical="center"/>
    </xf>
    <xf numFmtId="0" fontId="17" fillId="0" borderId="31" xfId="0" applyFont="1" applyBorder="1" applyAlignment="1">
      <alignment horizontal="center" vertical="center"/>
    </xf>
    <xf numFmtId="0" fontId="5" fillId="0" borderId="9" xfId="0" applyFont="1" applyBorder="1" applyAlignment="1">
      <alignment horizontal="center" vertical="center"/>
    </xf>
    <xf numFmtId="0" fontId="4" fillId="0" borderId="10" xfId="0" applyFont="1"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10" fillId="0" borderId="18" xfId="0" applyFont="1" applyBorder="1" applyAlignment="1" applyProtection="1">
      <alignment horizontal="center" vertical="center" shrinkToFit="1"/>
      <protection locked="0"/>
    </xf>
    <xf numFmtId="0" fontId="0" fillId="0" borderId="16" xfId="0" applyBorder="1" applyAlignment="1" applyProtection="1">
      <alignment horizontal="center" vertical="center" shrinkToFit="1"/>
      <protection locked="0"/>
    </xf>
    <xf numFmtId="0" fontId="10" fillId="0" borderId="16" xfId="0" quotePrefix="1" applyFont="1" applyBorder="1" applyAlignment="1" applyProtection="1">
      <alignment horizontal="center" vertical="center" shrinkToFit="1"/>
      <protection locked="0"/>
    </xf>
    <xf numFmtId="0" fontId="4" fillId="0" borderId="12" xfId="0" applyFont="1" applyBorder="1" applyAlignment="1" applyProtection="1">
      <alignment horizontal="center" vertical="center" shrinkToFit="1"/>
      <protection locked="0"/>
    </xf>
    <xf numFmtId="0" fontId="50" fillId="0" borderId="10" xfId="0" applyFont="1" applyBorder="1" applyAlignment="1" applyProtection="1">
      <alignment horizontal="center" vertical="center" shrinkToFit="1"/>
      <protection locked="0"/>
    </xf>
    <xf numFmtId="0" fontId="4" fillId="0" borderId="10" xfId="0" applyFont="1" applyBorder="1" applyAlignment="1" applyProtection="1">
      <alignment horizontal="center" vertical="center" shrinkToFit="1"/>
      <protection locked="0"/>
    </xf>
    <xf numFmtId="0" fontId="14" fillId="0" borderId="9" xfId="0" applyFont="1" applyBorder="1" applyAlignment="1">
      <alignment horizontal="center"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0" fontId="10" fillId="0" borderId="12" xfId="0" applyFont="1" applyBorder="1" applyAlignment="1">
      <alignment horizontal="center" vertical="center"/>
    </xf>
    <xf numFmtId="0" fontId="10" fillId="0" borderId="10" xfId="0" applyFont="1" applyBorder="1" applyAlignment="1">
      <alignment horizontal="center" vertical="center"/>
    </xf>
    <xf numFmtId="0" fontId="10" fillId="0" borderId="11" xfId="0" applyFont="1" applyBorder="1" applyAlignment="1">
      <alignment horizontal="center" vertical="center"/>
    </xf>
    <xf numFmtId="0" fontId="12" fillId="0" borderId="14" xfId="0" applyFont="1" applyBorder="1" applyAlignment="1">
      <alignment horizontal="center" vertical="center" textRotation="255" wrapText="1"/>
    </xf>
    <xf numFmtId="0" fontId="12" fillId="0" borderId="15" xfId="0" applyFont="1" applyBorder="1" applyAlignment="1">
      <alignment horizontal="center" vertical="center" textRotation="255" wrapText="1"/>
    </xf>
    <xf numFmtId="0" fontId="12" fillId="0" borderId="21" xfId="0" applyFont="1" applyBorder="1" applyAlignment="1">
      <alignment horizontal="center" vertical="center" textRotation="255" wrapText="1"/>
    </xf>
    <xf numFmtId="0" fontId="12" fillId="0" borderId="22" xfId="0" applyFont="1" applyBorder="1" applyAlignment="1">
      <alignment horizontal="center" vertical="center" textRotation="255" wrapText="1"/>
    </xf>
    <xf numFmtId="0" fontId="15" fillId="0" borderId="28" xfId="0" applyFont="1" applyBorder="1" applyAlignment="1">
      <alignment horizontal="center" vertical="center" textRotation="255" wrapText="1"/>
    </xf>
    <xf numFmtId="0" fontId="15" fillId="0" borderId="29" xfId="0" applyFont="1" applyBorder="1" applyAlignment="1">
      <alignment horizontal="center" vertical="center" textRotation="255" wrapText="1"/>
    </xf>
    <xf numFmtId="0" fontId="12" fillId="0" borderId="16" xfId="0" applyFont="1" applyBorder="1" applyAlignment="1">
      <alignment horizontal="center" vertical="center"/>
    </xf>
    <xf numFmtId="0" fontId="15" fillId="0" borderId="17" xfId="0" applyFont="1" applyBorder="1" applyAlignment="1">
      <alignment horizontal="center" vertical="center"/>
    </xf>
    <xf numFmtId="0" fontId="6" fillId="0" borderId="10" xfId="0" applyFont="1" applyBorder="1" applyAlignment="1">
      <alignment horizontal="left" vertical="center" wrapText="1"/>
    </xf>
    <xf numFmtId="0" fontId="0" fillId="0" borderId="10" xfId="0" applyBorder="1" applyAlignment="1">
      <alignment horizontal="left" vertical="center" wrapText="1"/>
    </xf>
    <xf numFmtId="0" fontId="10" fillId="0" borderId="13" xfId="0" applyFont="1" applyBorder="1" applyAlignment="1">
      <alignment horizontal="center" vertical="center"/>
    </xf>
    <xf numFmtId="0" fontId="17" fillId="0" borderId="18" xfId="0" applyFont="1" applyBorder="1" applyAlignment="1">
      <alignment horizontal="center" vertical="center"/>
    </xf>
    <xf numFmtId="0" fontId="17" fillId="0" borderId="16" xfId="0" applyFont="1" applyBorder="1" applyAlignment="1">
      <alignment horizontal="center" vertical="center"/>
    </xf>
    <xf numFmtId="0" fontId="17" fillId="0" borderId="17" xfId="0" applyFont="1" applyBorder="1" applyAlignment="1">
      <alignment horizontal="center" vertical="center"/>
    </xf>
    <xf numFmtId="0" fontId="12" fillId="0" borderId="22" xfId="0" applyFont="1" applyBorder="1" applyAlignment="1">
      <alignment horizontal="center" vertical="center"/>
    </xf>
    <xf numFmtId="0" fontId="15" fillId="0" borderId="22" xfId="0" applyFont="1" applyBorder="1" applyAlignment="1">
      <alignment horizontal="center" vertical="center"/>
    </xf>
    <xf numFmtId="0" fontId="15" fillId="0" borderId="29" xfId="0" applyFont="1" applyBorder="1" applyAlignment="1">
      <alignment horizontal="center" vertical="center"/>
    </xf>
    <xf numFmtId="0" fontId="7" fillId="0" borderId="3" xfId="0" applyFont="1" applyBorder="1" applyAlignment="1">
      <alignment horizontal="center" vertical="center"/>
    </xf>
    <xf numFmtId="0" fontId="47" fillId="0" borderId="3" xfId="0" applyFont="1" applyBorder="1" applyAlignment="1">
      <alignment horizontal="center" vertical="center"/>
    </xf>
    <xf numFmtId="0" fontId="47" fillId="0" borderId="2" xfId="0" applyFont="1" applyBorder="1" applyAlignment="1">
      <alignment horizontal="center" vertical="center"/>
    </xf>
    <xf numFmtId="0" fontId="47" fillId="0" borderId="0" xfId="0" applyFont="1" applyAlignment="1">
      <alignment horizontal="center" vertical="center"/>
    </xf>
    <xf numFmtId="0" fontId="47" fillId="0" borderId="5" xfId="0" applyFont="1" applyBorder="1" applyAlignment="1">
      <alignment horizontal="center" vertical="center"/>
    </xf>
    <xf numFmtId="0" fontId="0" fillId="0" borderId="8" xfId="0" applyBorder="1">
      <alignment vertical="center"/>
    </xf>
    <xf numFmtId="0" fontId="0" fillId="0" borderId="7" xfId="0" applyBorder="1">
      <alignment vertical="center"/>
    </xf>
    <xf numFmtId="0" fontId="34" fillId="0" borderId="24" xfId="0" applyFont="1" applyBorder="1">
      <alignment vertical="center"/>
    </xf>
    <xf numFmtId="0" fontId="34" fillId="0" borderId="25" xfId="0" applyFont="1" applyBorder="1">
      <alignment vertical="center"/>
    </xf>
    <xf numFmtId="0" fontId="34" fillId="0" borderId="26" xfId="0" applyFont="1" applyBorder="1">
      <alignment vertical="center"/>
    </xf>
    <xf numFmtId="0" fontId="60" fillId="0" borderId="10" xfId="0" applyFont="1" applyBorder="1" applyAlignment="1">
      <alignment horizontal="center" vertical="center"/>
    </xf>
    <xf numFmtId="0" fontId="60" fillId="0" borderId="11" xfId="0" applyFont="1" applyBorder="1" applyAlignment="1">
      <alignment horizontal="center" vertical="center"/>
    </xf>
    <xf numFmtId="0" fontId="4" fillId="0" borderId="12" xfId="0" applyFont="1" applyBorder="1" applyAlignment="1" applyProtection="1">
      <alignment horizontal="center" vertical="center"/>
      <protection locked="0"/>
    </xf>
    <xf numFmtId="0" fontId="0" fillId="0" borderId="10" xfId="0" applyBorder="1" applyProtection="1">
      <alignment vertical="center"/>
      <protection locked="0"/>
    </xf>
    <xf numFmtId="0" fontId="0" fillId="0" borderId="13" xfId="0" applyBorder="1" applyProtection="1">
      <alignment vertical="center"/>
      <protection locked="0"/>
    </xf>
    <xf numFmtId="0" fontId="34" fillId="0" borderId="30" xfId="0" applyFont="1" applyBorder="1">
      <alignment vertical="center"/>
    </xf>
    <xf numFmtId="0" fontId="0" fillId="0" borderId="31" xfId="0" applyBorder="1">
      <alignment vertical="center"/>
    </xf>
    <xf numFmtId="0" fontId="38" fillId="0" borderId="30" xfId="0" applyFont="1" applyBorder="1" applyAlignment="1">
      <alignment horizontal="left" vertical="center"/>
    </xf>
    <xf numFmtId="0" fontId="0" fillId="0" borderId="32" xfId="0" applyBorder="1">
      <alignment vertical="center"/>
    </xf>
    <xf numFmtId="0" fontId="0" fillId="0" borderId="30" xfId="0" applyBorder="1" applyAlignment="1">
      <alignment horizontal="left" vertical="center"/>
    </xf>
    <xf numFmtId="0" fontId="4" fillId="0" borderId="36" xfId="0" applyFont="1" applyBorder="1" applyAlignment="1" applyProtection="1">
      <alignment horizontal="left" vertical="top" wrapText="1"/>
      <protection locked="0"/>
    </xf>
    <xf numFmtId="0" fontId="4" fillId="0" borderId="19" xfId="0" applyFont="1" applyBorder="1" applyAlignment="1" applyProtection="1">
      <alignment horizontal="left" vertical="top" wrapText="1"/>
      <protection locked="0"/>
    </xf>
    <xf numFmtId="0" fontId="4" fillId="0" borderId="20" xfId="0" applyFont="1" applyBorder="1" applyAlignment="1" applyProtection="1">
      <alignment horizontal="left" vertical="top" wrapText="1"/>
      <protection locked="0"/>
    </xf>
    <xf numFmtId="0" fontId="50" fillId="0" borderId="4" xfId="0" applyFont="1" applyBorder="1" applyAlignment="1" applyProtection="1">
      <alignment horizontal="left" vertical="top" wrapText="1"/>
      <protection locked="0"/>
    </xf>
    <xf numFmtId="0" fontId="50" fillId="0" borderId="0" xfId="0" applyFont="1" applyAlignment="1" applyProtection="1">
      <alignment horizontal="left" vertical="top" wrapText="1"/>
      <protection locked="0"/>
    </xf>
    <xf numFmtId="0" fontId="50" fillId="0" borderId="23" xfId="0" applyFont="1" applyBorder="1" applyAlignment="1" applyProtection="1">
      <alignment horizontal="left" vertical="top" wrapText="1"/>
      <protection locked="0"/>
    </xf>
    <xf numFmtId="0" fontId="50" fillId="0" borderId="6" xfId="0" applyFont="1" applyBorder="1" applyAlignment="1" applyProtection="1">
      <alignment horizontal="left" vertical="top" wrapText="1"/>
      <protection locked="0"/>
    </xf>
    <xf numFmtId="0" fontId="50" fillId="0" borderId="8" xfId="0" applyFont="1" applyBorder="1" applyAlignment="1" applyProtection="1">
      <alignment horizontal="left" vertical="top" wrapText="1"/>
      <protection locked="0"/>
    </xf>
    <xf numFmtId="0" fontId="50" fillId="0" borderId="48" xfId="0" applyFont="1" applyBorder="1" applyAlignment="1" applyProtection="1">
      <alignment horizontal="left" vertical="top" wrapText="1"/>
      <protection locked="0"/>
    </xf>
    <xf numFmtId="0" fontId="48" fillId="0" borderId="30" xfId="0" applyFont="1" applyBorder="1" applyAlignment="1">
      <alignment horizontal="center" vertical="center" shrinkToFit="1"/>
    </xf>
    <xf numFmtId="0" fontId="0" fillId="0" borderId="32" xfId="0" applyBorder="1" applyAlignment="1">
      <alignment horizontal="center" vertical="center" shrinkToFit="1"/>
    </xf>
    <xf numFmtId="0" fontId="48" fillId="0" borderId="18" xfId="0" applyFont="1" applyBorder="1" applyAlignment="1">
      <alignment horizontal="center" vertical="center" wrapText="1"/>
    </xf>
    <xf numFmtId="0" fontId="0" fillId="0" borderId="17" xfId="0" applyBorder="1" applyAlignment="1">
      <alignment horizontal="center" vertical="center" wrapText="1"/>
    </xf>
    <xf numFmtId="0" fontId="4" fillId="0" borderId="16" xfId="0" applyFont="1" applyBorder="1" applyAlignment="1" applyProtection="1">
      <alignment horizontal="left" vertical="center" shrinkToFit="1"/>
      <protection locked="0"/>
    </xf>
    <xf numFmtId="0" fontId="50" fillId="0" borderId="16" xfId="0" applyFont="1" applyBorder="1" applyAlignment="1" applyProtection="1">
      <alignment horizontal="left" vertical="center" shrinkToFit="1"/>
      <protection locked="0"/>
    </xf>
    <xf numFmtId="0" fontId="50" fillId="0" borderId="37" xfId="0" applyFont="1" applyBorder="1" applyAlignment="1" applyProtection="1">
      <alignment horizontal="left" vertical="center" shrinkToFit="1"/>
      <protection locked="0"/>
    </xf>
    <xf numFmtId="0" fontId="48" fillId="0" borderId="24" xfId="0" applyFont="1" applyBorder="1" applyAlignment="1">
      <alignment horizontal="center" vertical="center" shrinkToFit="1"/>
    </xf>
    <xf numFmtId="0" fontId="0" fillId="0" borderId="26" xfId="0" applyBorder="1" applyAlignment="1">
      <alignment horizontal="center" vertical="center" shrinkToFit="1"/>
    </xf>
    <xf numFmtId="0" fontId="4" fillId="0" borderId="25" xfId="0" applyFont="1" applyBorder="1" applyAlignment="1" applyProtection="1">
      <alignment horizontal="left" vertical="center" shrinkToFit="1"/>
      <protection locked="0"/>
    </xf>
    <xf numFmtId="0" fontId="50" fillId="0" borderId="25" xfId="0" applyFont="1" applyBorder="1" applyAlignment="1" applyProtection="1">
      <alignment horizontal="left" vertical="center" shrinkToFit="1"/>
      <protection locked="0"/>
    </xf>
    <xf numFmtId="0" fontId="50" fillId="0" borderId="26" xfId="0" applyFont="1" applyBorder="1" applyAlignment="1" applyProtection="1">
      <alignment horizontal="left" vertical="center" shrinkToFit="1"/>
      <protection locked="0"/>
    </xf>
    <xf numFmtId="0" fontId="48" fillId="0" borderId="24" xfId="0" applyFont="1" applyBorder="1" applyAlignment="1">
      <alignment horizontal="left" vertical="center" shrinkToFit="1"/>
    </xf>
    <xf numFmtId="0" fontId="34" fillId="0" borderId="26" xfId="0" applyFont="1" applyBorder="1" applyAlignment="1">
      <alignment horizontal="left" vertical="center" shrinkToFit="1"/>
    </xf>
    <xf numFmtId="0" fontId="50" fillId="0" borderId="24" xfId="0" applyFont="1" applyBorder="1" applyAlignment="1" applyProtection="1">
      <alignment horizontal="left" vertical="center" shrinkToFit="1"/>
      <protection locked="0"/>
    </xf>
    <xf numFmtId="0" fontId="50" fillId="0" borderId="27" xfId="0" applyFont="1" applyBorder="1" applyAlignment="1" applyProtection="1">
      <alignment horizontal="left" vertical="center" shrinkToFit="1"/>
      <protection locked="0"/>
    </xf>
    <xf numFmtId="0" fontId="0" fillId="0" borderId="31" xfId="0" applyBorder="1" applyAlignment="1">
      <alignment horizontal="left" vertical="center"/>
    </xf>
    <xf numFmtId="0" fontId="50" fillId="0" borderId="25" xfId="0" applyFont="1" applyBorder="1" applyAlignment="1" applyProtection="1">
      <alignment horizontal="center" vertical="center" shrinkToFit="1"/>
      <protection locked="0"/>
    </xf>
    <xf numFmtId="0" fontId="38" fillId="0" borderId="24" xfId="0" applyFont="1" applyBorder="1" applyAlignment="1">
      <alignment horizontal="left" vertical="center"/>
    </xf>
    <xf numFmtId="0" fontId="0" fillId="0" borderId="26" xfId="0" applyBorder="1" applyAlignment="1">
      <alignment horizontal="left" vertical="center"/>
    </xf>
    <xf numFmtId="0" fontId="4" fillId="0" borderId="24" xfId="0" applyFont="1" applyBorder="1" applyAlignment="1">
      <alignment horizontal="left" vertical="center"/>
    </xf>
    <xf numFmtId="0" fontId="0" fillId="0" borderId="25" xfId="0" applyBorder="1">
      <alignment vertical="center"/>
    </xf>
    <xf numFmtId="0" fontId="46" fillId="0" borderId="30" xfId="0" applyFont="1" applyBorder="1" applyAlignment="1">
      <alignment horizontal="left" vertical="center"/>
    </xf>
    <xf numFmtId="0" fontId="38" fillId="0" borderId="4" xfId="0" applyFont="1" applyBorder="1" applyAlignment="1">
      <alignment horizontal="left" vertical="top" wrapText="1"/>
    </xf>
    <xf numFmtId="0" fontId="39" fillId="0" borderId="2" xfId="0" applyFont="1" applyBorder="1" applyAlignment="1"/>
    <xf numFmtId="0" fontId="39" fillId="0" borderId="4" xfId="0" applyFont="1" applyBorder="1" applyAlignment="1"/>
    <xf numFmtId="0" fontId="39" fillId="0" borderId="5" xfId="0" applyFont="1" applyBorder="1" applyAlignment="1"/>
    <xf numFmtId="0" fontId="39" fillId="0" borderId="6" xfId="0" applyFont="1" applyBorder="1" applyAlignment="1"/>
    <xf numFmtId="0" fontId="39" fillId="0" borderId="7" xfId="0" applyFont="1" applyBorder="1" applyAlignment="1"/>
    <xf numFmtId="0" fontId="35" fillId="0" borderId="24" xfId="0" applyFont="1" applyBorder="1" applyAlignment="1">
      <alignment horizontal="center" vertical="center"/>
    </xf>
    <xf numFmtId="0" fontId="0" fillId="0" borderId="26" xfId="0" applyBorder="1">
      <alignment vertical="center"/>
    </xf>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38" xfId="0" applyFont="1" applyBorder="1" applyAlignment="1">
      <alignment horizontal="center" vertical="center" wrapText="1"/>
    </xf>
    <xf numFmtId="0" fontId="5" fillId="0" borderId="5"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7" xfId="0" applyFont="1" applyBorder="1" applyAlignment="1">
      <alignment horizontal="center" vertical="center" wrapText="1"/>
    </xf>
    <xf numFmtId="0" fontId="50" fillId="0" borderId="31" xfId="0" applyFont="1" applyBorder="1" applyAlignment="1" applyProtection="1">
      <alignment horizontal="left" vertical="center" shrinkToFit="1"/>
      <protection locked="0"/>
    </xf>
    <xf numFmtId="0" fontId="50" fillId="0" borderId="33" xfId="0" applyFont="1" applyBorder="1" applyAlignment="1" applyProtection="1">
      <alignment horizontal="left" vertical="center" shrinkToFit="1"/>
      <protection locked="0"/>
    </xf>
    <xf numFmtId="0" fontId="38" fillId="0" borderId="3" xfId="0" applyFont="1" applyBorder="1" applyAlignment="1">
      <alignment horizontal="left" vertical="center"/>
    </xf>
    <xf numFmtId="0" fontId="39" fillId="0" borderId="3" xfId="0" applyFont="1" applyBorder="1" applyAlignment="1">
      <alignment horizontal="left" vertical="center"/>
    </xf>
    <xf numFmtId="0" fontId="4" fillId="0" borderId="3" xfId="0" applyFont="1" applyBorder="1" applyAlignment="1" applyProtection="1">
      <alignment horizontal="left" vertical="center" shrinkToFit="1"/>
      <protection locked="0"/>
    </xf>
    <xf numFmtId="0" fontId="4" fillId="0" borderId="46" xfId="0" applyFont="1" applyBorder="1" applyAlignment="1" applyProtection="1">
      <alignment horizontal="left" vertical="center" shrinkToFit="1"/>
      <protection locked="0"/>
    </xf>
    <xf numFmtId="0" fontId="4" fillId="0" borderId="8" xfId="0" applyFont="1" applyBorder="1" applyAlignment="1" applyProtection="1">
      <alignment horizontal="left" vertical="center" shrinkToFit="1"/>
      <protection locked="0"/>
    </xf>
    <xf numFmtId="0" fontId="50" fillId="0" borderId="8" xfId="0" applyFont="1" applyBorder="1" applyAlignment="1" applyProtection="1">
      <alignment horizontal="left" vertical="center" shrinkToFit="1"/>
      <protection locked="0"/>
    </xf>
    <xf numFmtId="0" fontId="50" fillId="0" borderId="48" xfId="0" applyFont="1" applyBorder="1" applyAlignment="1" applyProtection="1">
      <alignment horizontal="left" vertical="center" shrinkToFit="1"/>
      <protection locked="0"/>
    </xf>
    <xf numFmtId="0" fontId="50" fillId="0" borderId="3" xfId="0" applyFont="1" applyBorder="1" applyAlignment="1" applyProtection="1">
      <alignment horizontal="left" vertical="center" shrinkToFit="1"/>
      <protection locked="0"/>
    </xf>
    <xf numFmtId="0" fontId="50" fillId="0" borderId="4" xfId="0" applyFont="1" applyBorder="1" applyAlignment="1" applyProtection="1">
      <alignment horizontal="left" vertical="center" shrinkToFit="1"/>
      <protection locked="0"/>
    </xf>
    <xf numFmtId="0" fontId="50" fillId="0" borderId="0" xfId="0" applyFont="1" applyAlignment="1" applyProtection="1">
      <alignment horizontal="left" vertical="center" shrinkToFit="1"/>
      <protection locked="0"/>
    </xf>
    <xf numFmtId="0" fontId="50" fillId="0" borderId="23" xfId="0" applyFont="1" applyBorder="1" applyAlignment="1" applyProtection="1">
      <alignment horizontal="left" vertical="center" shrinkToFit="1"/>
      <protection locked="0"/>
    </xf>
    <xf numFmtId="0" fontId="4" fillId="0" borderId="6" xfId="0" applyFont="1" applyBorder="1" applyAlignment="1" applyProtection="1">
      <alignment horizontal="left" vertical="center" shrinkToFit="1"/>
      <protection locked="0"/>
    </xf>
    <xf numFmtId="0" fontId="48" fillId="0" borderId="8" xfId="0" applyFont="1" applyBorder="1" applyAlignment="1">
      <alignment horizontal="center" vertical="center"/>
    </xf>
    <xf numFmtId="0" fontId="34" fillId="0" borderId="8" xfId="0" applyFont="1" applyBorder="1" applyAlignment="1">
      <alignment horizontal="center" vertical="center"/>
    </xf>
    <xf numFmtId="0" fontId="4" fillId="0" borderId="24" xfId="0" applyFont="1" applyBorder="1" applyAlignment="1" applyProtection="1">
      <alignment horizontal="left" vertical="center" shrinkToFit="1"/>
      <protection locked="0"/>
    </xf>
    <xf numFmtId="0" fontId="4" fillId="0" borderId="18" xfId="0" applyFont="1" applyBorder="1" applyAlignment="1" applyProtection="1">
      <alignment horizontal="left" vertical="center" shrinkToFit="1"/>
      <protection locked="0"/>
    </xf>
    <xf numFmtId="0" fontId="50" fillId="0" borderId="17" xfId="0" applyFont="1" applyBorder="1" applyAlignment="1" applyProtection="1">
      <alignment horizontal="left" vertical="center" shrinkToFit="1"/>
      <protection locked="0"/>
    </xf>
    <xf numFmtId="0" fontId="5" fillId="0" borderId="34" xfId="0" applyFont="1" applyBorder="1" applyAlignment="1">
      <alignment horizontal="center" vertical="center" textRotation="255" wrapText="1"/>
    </xf>
    <xf numFmtId="0" fontId="5" fillId="0" borderId="35" xfId="0" applyFont="1" applyBorder="1" applyAlignment="1">
      <alignment horizontal="center" vertical="center" textRotation="255" wrapText="1"/>
    </xf>
    <xf numFmtId="0" fontId="5" fillId="0" borderId="38" xfId="0" applyFont="1" applyBorder="1" applyAlignment="1">
      <alignment horizontal="center" vertical="center" textRotation="255" wrapText="1"/>
    </xf>
    <xf numFmtId="0" fontId="5" fillId="0" borderId="5" xfId="0" applyFont="1" applyBorder="1" applyAlignment="1">
      <alignment horizontal="center" vertical="center" textRotation="255" wrapText="1"/>
    </xf>
    <xf numFmtId="0" fontId="14" fillId="0" borderId="34" xfId="0" applyFont="1" applyBorder="1" applyAlignment="1">
      <alignment horizontal="center" vertical="center" textRotation="255" wrapText="1"/>
    </xf>
    <xf numFmtId="0" fontId="14" fillId="0" borderId="35" xfId="0" applyFont="1" applyBorder="1" applyAlignment="1">
      <alignment horizontal="center" vertical="center" textRotation="255" wrapText="1"/>
    </xf>
    <xf numFmtId="0" fontId="14" fillId="0" borderId="38" xfId="0" applyFont="1" applyBorder="1" applyAlignment="1">
      <alignment horizontal="center" vertical="center" textRotation="255" wrapText="1"/>
    </xf>
    <xf numFmtId="0" fontId="14" fillId="0" borderId="5" xfId="0" applyFont="1" applyBorder="1" applyAlignment="1">
      <alignment horizontal="center" vertical="center" textRotation="255" wrapText="1"/>
    </xf>
    <xf numFmtId="0" fontId="14" fillId="0" borderId="42" xfId="0" applyFont="1" applyBorder="1" applyAlignment="1">
      <alignment horizontal="center" vertical="center" textRotation="255" wrapText="1"/>
    </xf>
    <xf numFmtId="0" fontId="14" fillId="0" borderId="43" xfId="0" applyFont="1" applyBorder="1" applyAlignment="1">
      <alignment horizontal="center" vertical="center" textRotation="255" wrapText="1"/>
    </xf>
    <xf numFmtId="0" fontId="14" fillId="0" borderId="44" xfId="0" applyFont="1" applyBorder="1" applyAlignment="1">
      <alignment horizontal="center" vertical="center"/>
    </xf>
    <xf numFmtId="0" fontId="14" fillId="0" borderId="16" xfId="0" applyFont="1" applyBorder="1" applyAlignment="1">
      <alignment horizontal="center" vertical="center"/>
    </xf>
    <xf numFmtId="0" fontId="14" fillId="0" borderId="17" xfId="0" applyFont="1" applyBorder="1" applyAlignment="1">
      <alignment horizontal="center" vertical="center"/>
    </xf>
    <xf numFmtId="0" fontId="37" fillId="0" borderId="34" xfId="0" applyFont="1" applyBorder="1" applyAlignment="1">
      <alignment horizontal="center" vertical="center" wrapText="1"/>
    </xf>
    <xf numFmtId="0" fontId="37" fillId="0" borderId="35" xfId="0" applyFont="1" applyBorder="1" applyAlignment="1">
      <alignment horizontal="center" vertical="center" wrapText="1"/>
    </xf>
    <xf numFmtId="0" fontId="37" fillId="0" borderId="38" xfId="0" applyFont="1" applyBorder="1" applyAlignment="1">
      <alignment horizontal="center" vertical="center" wrapText="1"/>
    </xf>
    <xf numFmtId="0" fontId="37" fillId="0" borderId="5" xfId="0" applyFont="1" applyBorder="1" applyAlignment="1">
      <alignment horizontal="center" vertical="center" wrapText="1"/>
    </xf>
    <xf numFmtId="0" fontId="37" fillId="0" borderId="45" xfId="0" applyFont="1" applyBorder="1" applyAlignment="1">
      <alignment horizontal="center" vertical="center" textRotation="255" wrapText="1"/>
    </xf>
    <xf numFmtId="0" fontId="37" fillId="0" borderId="2" xfId="0" applyFont="1" applyBorder="1" applyAlignment="1">
      <alignment horizontal="center" vertical="center" textRotation="255" wrapText="1"/>
    </xf>
    <xf numFmtId="0" fontId="37" fillId="0" borderId="38" xfId="0" applyFont="1" applyBorder="1" applyAlignment="1">
      <alignment horizontal="center" vertical="center" textRotation="255" wrapText="1"/>
    </xf>
    <xf numFmtId="0" fontId="37" fillId="0" borderId="5" xfId="0" applyFont="1" applyBorder="1" applyAlignment="1">
      <alignment horizontal="center" vertical="center" textRotation="255" wrapText="1"/>
    </xf>
    <xf numFmtId="0" fontId="6" fillId="0" borderId="0" xfId="0" applyFont="1" applyAlignment="1">
      <alignment horizontal="left" vertical="center"/>
    </xf>
    <xf numFmtId="0" fontId="0" fillId="0" borderId="0" xfId="0" applyAlignment="1">
      <alignment horizontal="left" vertical="center"/>
    </xf>
    <xf numFmtId="0" fontId="33" fillId="0" borderId="0" xfId="0" applyFont="1" applyAlignment="1">
      <alignment horizontal="left" vertical="center"/>
    </xf>
    <xf numFmtId="0" fontId="34" fillId="0" borderId="0" xfId="0" applyFont="1" applyAlignment="1">
      <alignment horizontal="left" vertical="center"/>
    </xf>
    <xf numFmtId="0" fontId="35" fillId="0" borderId="0" xfId="0" applyFont="1" applyAlignment="1">
      <alignment horizontal="center" vertical="center"/>
    </xf>
    <xf numFmtId="0" fontId="0" fillId="0" borderId="0" xfId="0" applyAlignment="1">
      <alignment horizontal="center" vertical="center"/>
    </xf>
    <xf numFmtId="0" fontId="5" fillId="0" borderId="1" xfId="0" applyFont="1" applyBorder="1" applyAlignment="1">
      <alignment horizontal="center" vertical="center" textRotation="255" wrapText="1"/>
    </xf>
    <xf numFmtId="0" fontId="5" fillId="0" borderId="2" xfId="0" applyFont="1" applyBorder="1" applyAlignment="1">
      <alignment horizontal="center" vertical="center" textRotation="255" wrapText="1"/>
    </xf>
    <xf numFmtId="0" fontId="5" fillId="0" borderId="4" xfId="0" applyFont="1" applyBorder="1" applyAlignment="1">
      <alignment horizontal="center" vertical="center" textRotation="255" wrapText="1"/>
    </xf>
    <xf numFmtId="0" fontId="0" fillId="0" borderId="6" xfId="0" applyBorder="1" applyAlignment="1">
      <alignment horizontal="center" vertical="center"/>
    </xf>
    <xf numFmtId="0" fontId="0" fillId="0" borderId="7" xfId="0" applyBorder="1" applyAlignment="1">
      <alignment horizontal="center" vertical="center"/>
    </xf>
    <xf numFmtId="0" fontId="4" fillId="0" borderId="4" xfId="0" applyFont="1" applyBorder="1" applyAlignment="1" applyProtection="1">
      <alignment horizontal="left" vertical="center" shrinkToFit="1"/>
      <protection locked="0"/>
    </xf>
    <xf numFmtId="0" fontId="50" fillId="0" borderId="0" xfId="0" applyFont="1" applyAlignment="1" applyProtection="1">
      <alignment shrinkToFit="1"/>
      <protection locked="0"/>
    </xf>
    <xf numFmtId="0" fontId="50" fillId="0" borderId="5" xfId="0" applyFont="1" applyBorder="1" applyAlignment="1" applyProtection="1">
      <alignment shrinkToFit="1"/>
      <protection locked="0"/>
    </xf>
    <xf numFmtId="0" fontId="37" fillId="0" borderId="4" xfId="0" applyFont="1" applyBorder="1" applyAlignment="1">
      <alignment horizontal="left" vertical="top" wrapText="1"/>
    </xf>
    <xf numFmtId="0" fontId="39" fillId="0" borderId="0" xfId="0" applyFont="1" applyAlignment="1">
      <alignment vertical="top"/>
    </xf>
    <xf numFmtId="0" fontId="39" fillId="0" borderId="4" xfId="0" applyFont="1" applyBorder="1" applyAlignment="1">
      <alignment vertical="top"/>
    </xf>
    <xf numFmtId="0" fontId="4" fillId="0" borderId="0" xfId="0" applyFont="1" applyAlignment="1" applyProtection="1">
      <alignment horizontal="left" vertical="center" shrinkToFit="1"/>
      <protection locked="0"/>
    </xf>
    <xf numFmtId="0" fontId="4" fillId="0" borderId="5" xfId="0" applyFont="1" applyBorder="1" applyAlignment="1" applyProtection="1">
      <alignment horizontal="left" vertical="center" shrinkToFit="1"/>
      <protection locked="0"/>
    </xf>
    <xf numFmtId="0" fontId="40" fillId="0" borderId="4" xfId="0" applyFont="1" applyBorder="1" applyAlignment="1">
      <alignment horizontal="left" vertical="center"/>
    </xf>
    <xf numFmtId="0" fontId="40" fillId="0" borderId="0" xfId="0" applyFont="1" applyAlignment="1">
      <alignment horizontal="left" vertical="center"/>
    </xf>
    <xf numFmtId="0" fontId="39" fillId="0" borderId="0" xfId="0" applyFont="1" applyAlignment="1">
      <alignment horizontal="left" vertical="center"/>
    </xf>
    <xf numFmtId="0" fontId="4" fillId="0" borderId="0" xfId="0" applyFont="1" applyAlignment="1" applyProtection="1">
      <alignment vertical="center" shrinkToFit="1"/>
      <protection locked="0"/>
    </xf>
    <xf numFmtId="0" fontId="4" fillId="0" borderId="5" xfId="0" applyFont="1" applyBorder="1" applyAlignment="1" applyProtection="1">
      <alignment vertical="center" shrinkToFit="1"/>
      <protection locked="0"/>
    </xf>
    <xf numFmtId="0" fontId="41" fillId="0" borderId="0" xfId="0" applyFont="1" applyAlignment="1">
      <alignment horizontal="left" vertical="top" wrapText="1"/>
    </xf>
    <xf numFmtId="0" fontId="0" fillId="0" borderId="0" xfId="0" applyAlignment="1">
      <alignment vertical="top" wrapText="1"/>
    </xf>
    <xf numFmtId="0" fontId="0" fillId="0" borderId="5" xfId="0" applyBorder="1" applyAlignment="1">
      <alignment vertical="top" wrapText="1"/>
    </xf>
    <xf numFmtId="0" fontId="4" fillId="0" borderId="0" xfId="0" applyFont="1" applyAlignment="1" applyProtection="1">
      <alignment horizontal="center" vertical="center" shrinkToFit="1"/>
      <protection locked="0"/>
    </xf>
    <xf numFmtId="0" fontId="0" fillId="0" borderId="0" xfId="0" applyAlignment="1" applyProtection="1">
      <alignment horizontal="center" vertical="center" shrinkToFit="1"/>
      <protection locked="0"/>
    </xf>
    <xf numFmtId="0" fontId="50" fillId="0" borderId="2" xfId="0" applyFont="1" applyBorder="1" applyAlignment="1" applyProtection="1">
      <alignment horizontal="left" vertical="center" shrinkToFit="1"/>
      <protection locked="0"/>
    </xf>
    <xf numFmtId="0" fontId="4" fillId="0" borderId="25" xfId="0" applyFont="1" applyBorder="1" applyAlignment="1" applyProtection="1">
      <alignment horizontal="left" vertical="center"/>
      <protection locked="0"/>
    </xf>
    <xf numFmtId="0" fontId="0" fillId="0" borderId="25" xfId="0" applyBorder="1" applyAlignment="1" applyProtection="1">
      <alignment horizontal="left" vertical="center"/>
      <protection locked="0"/>
    </xf>
    <xf numFmtId="0" fontId="0" fillId="0" borderId="26" xfId="0" applyBorder="1" applyAlignment="1" applyProtection="1">
      <alignment horizontal="left" vertical="center"/>
      <protection locked="0"/>
    </xf>
    <xf numFmtId="0" fontId="6" fillId="0" borderId="19" xfId="0" applyFont="1" applyBorder="1" applyAlignment="1">
      <alignment horizontal="left" vertical="top" wrapText="1"/>
    </xf>
    <xf numFmtId="0" fontId="6" fillId="0" borderId="0" xfId="0" applyFont="1" applyAlignment="1">
      <alignment horizontal="left" vertical="top" wrapText="1"/>
    </xf>
    <xf numFmtId="0" fontId="35" fillId="0" borderId="30" xfId="0" applyFont="1" applyBorder="1" applyAlignment="1">
      <alignment horizontal="center" vertical="center"/>
    </xf>
    <xf numFmtId="0" fontId="0" fillId="0" borderId="27" xfId="0" applyBorder="1">
      <alignment vertical="center"/>
    </xf>
    <xf numFmtId="0" fontId="52" fillId="0" borderId="45" xfId="0" applyFont="1" applyBorder="1" applyAlignment="1">
      <alignment horizontal="center" vertical="center" wrapText="1"/>
    </xf>
    <xf numFmtId="0" fontId="52" fillId="0" borderId="2" xfId="0" applyFont="1" applyBorder="1" applyAlignment="1">
      <alignment horizontal="center" vertical="center" wrapText="1"/>
    </xf>
    <xf numFmtId="0" fontId="52" fillId="0" borderId="42" xfId="0" applyFont="1" applyBorder="1" applyAlignment="1">
      <alignment horizontal="center" vertical="center" wrapText="1"/>
    </xf>
    <xf numFmtId="0" fontId="52" fillId="0" borderId="43" xfId="0" applyFont="1" applyBorder="1" applyAlignment="1">
      <alignment horizontal="center" vertical="center" wrapText="1"/>
    </xf>
    <xf numFmtId="0" fontId="15" fillId="0" borderId="22" xfId="0" applyFont="1" applyBorder="1" applyAlignment="1">
      <alignment horizontal="center"/>
    </xf>
    <xf numFmtId="0" fontId="0" fillId="0" borderId="22" xfId="0" applyBorder="1" applyAlignment="1"/>
    <xf numFmtId="0" fontId="61" fillId="0" borderId="25" xfId="0" applyFont="1" applyBorder="1" applyAlignment="1">
      <alignment horizontal="left" vertical="center"/>
    </xf>
    <xf numFmtId="0" fontId="27" fillId="0" borderId="25" xfId="0" applyFont="1" applyBorder="1" applyAlignment="1">
      <alignment horizontal="left" vertical="center"/>
    </xf>
    <xf numFmtId="0" fontId="27" fillId="0" borderId="26" xfId="0" applyFont="1" applyBorder="1" applyAlignment="1">
      <alignment horizontal="left" vertical="center"/>
    </xf>
    <xf numFmtId="0" fontId="4" fillId="0" borderId="25" xfId="0" applyFont="1" applyBorder="1" applyAlignment="1">
      <alignment horizontal="left" vertical="center"/>
    </xf>
    <xf numFmtId="0" fontId="0" fillId="0" borderId="25" xfId="0" applyBorder="1" applyAlignment="1">
      <alignment horizontal="left" vertical="center"/>
    </xf>
    <xf numFmtId="0" fontId="28" fillId="0" borderId="12" xfId="0" applyFont="1" applyBorder="1" applyAlignment="1">
      <alignment horizontal="center" vertical="center"/>
    </xf>
    <xf numFmtId="0" fontId="27" fillId="0" borderId="10" xfId="0" applyFont="1" applyBorder="1" applyAlignment="1">
      <alignment horizontal="center" vertical="center"/>
    </xf>
    <xf numFmtId="0" fontId="27" fillId="0" borderId="13" xfId="0" applyFont="1" applyBorder="1" applyAlignment="1">
      <alignment horizontal="center" vertical="center"/>
    </xf>
    <xf numFmtId="0" fontId="12" fillId="0" borderId="9" xfId="0" applyFont="1" applyBorder="1" applyAlignment="1">
      <alignment horizontal="center" vertical="center"/>
    </xf>
    <xf numFmtId="0" fontId="15" fillId="0" borderId="10" xfId="0" applyFont="1" applyBorder="1" applyAlignment="1">
      <alignment horizontal="center" vertical="center"/>
    </xf>
    <xf numFmtId="0" fontId="15" fillId="0" borderId="11" xfId="0" applyFont="1" applyBorder="1" applyAlignment="1">
      <alignment horizontal="center" vertical="center"/>
    </xf>
    <xf numFmtId="0" fontId="30" fillId="0" borderId="12" xfId="0" quotePrefix="1" applyFont="1" applyBorder="1" applyAlignment="1">
      <alignment horizontal="center" vertical="center"/>
    </xf>
    <xf numFmtId="0" fontId="31" fillId="0" borderId="10" xfId="0" applyFont="1" applyBorder="1" applyAlignment="1">
      <alignment horizontal="center" vertical="center"/>
    </xf>
    <xf numFmtId="0" fontId="30" fillId="0" borderId="10" xfId="0" quotePrefix="1" applyFont="1" applyBorder="1" applyAlignment="1">
      <alignment horizontal="center" vertical="center"/>
    </xf>
    <xf numFmtId="0" fontId="12" fillId="0" borderId="12" xfId="0" applyFont="1" applyBorder="1" applyAlignment="1">
      <alignment horizontal="center" vertical="center"/>
    </xf>
    <xf numFmtId="0" fontId="12" fillId="0" borderId="10" xfId="0" applyFont="1" applyBorder="1" applyAlignment="1">
      <alignment horizontal="center" vertical="center"/>
    </xf>
    <xf numFmtId="0" fontId="30" fillId="0" borderId="0" xfId="0" quotePrefix="1" applyFont="1" applyAlignment="1">
      <alignment horizontal="center" vertical="center"/>
    </xf>
    <xf numFmtId="0" fontId="27" fillId="0" borderId="0" xfId="0" applyFont="1" applyAlignment="1">
      <alignment horizontal="center" vertical="center"/>
    </xf>
    <xf numFmtId="0" fontId="30" fillId="0" borderId="0" xfId="0" applyFont="1" applyAlignment="1">
      <alignment horizontal="center" vertical="center"/>
    </xf>
    <xf numFmtId="0" fontId="12" fillId="0" borderId="1" xfId="0" applyFont="1" applyBorder="1" applyAlignment="1">
      <alignment horizontal="center" vertical="center" textRotation="255" wrapText="1"/>
    </xf>
    <xf numFmtId="0" fontId="12" fillId="0" borderId="2" xfId="0" applyFont="1" applyBorder="1" applyAlignment="1">
      <alignment horizontal="center" vertical="center" textRotation="255" wrapText="1"/>
    </xf>
    <xf numFmtId="0" fontId="12" fillId="0" borderId="4" xfId="0" applyFont="1" applyBorder="1" applyAlignment="1">
      <alignment horizontal="center" vertical="center" textRotation="255" wrapText="1"/>
    </xf>
    <xf numFmtId="0" fontId="12" fillId="0" borderId="5" xfId="0" applyFont="1" applyBorder="1" applyAlignment="1">
      <alignment horizontal="center" vertical="center" textRotation="255" wrapText="1"/>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28" fillId="0" borderId="3" xfId="0" applyFont="1" applyBorder="1" applyAlignment="1">
      <alignment vertical="center" wrapText="1"/>
    </xf>
    <xf numFmtId="0" fontId="27" fillId="0" borderId="3" xfId="0" applyFont="1" applyBorder="1">
      <alignment vertical="center"/>
    </xf>
    <xf numFmtId="0" fontId="27" fillId="0" borderId="2" xfId="0" applyFont="1" applyBorder="1">
      <alignment vertical="center"/>
    </xf>
    <xf numFmtId="0" fontId="27" fillId="0" borderId="0" xfId="0" applyFont="1" applyAlignment="1">
      <alignment horizontal="left" vertical="center"/>
    </xf>
    <xf numFmtId="0" fontId="29" fillId="0" borderId="0" xfId="0" applyFont="1" applyAlignment="1">
      <alignment horizontal="left" vertical="center"/>
    </xf>
    <xf numFmtId="0" fontId="29" fillId="0" borderId="5" xfId="0" applyFont="1" applyBorder="1" applyAlignment="1">
      <alignment horizontal="left" vertical="center"/>
    </xf>
    <xf numFmtId="0" fontId="28" fillId="0" borderId="0" xfId="0" applyFont="1">
      <alignment vertical="center"/>
    </xf>
    <xf numFmtId="0" fontId="27" fillId="0" borderId="0" xfId="0" applyFont="1">
      <alignment vertical="center"/>
    </xf>
    <xf numFmtId="0" fontId="27" fillId="0" borderId="5" xfId="0" applyFont="1" applyBorder="1">
      <alignment vertical="center"/>
    </xf>
    <xf numFmtId="0" fontId="29" fillId="0" borderId="0" xfId="0" applyFont="1">
      <alignment vertical="center"/>
    </xf>
    <xf numFmtId="0" fontId="29" fillId="0" borderId="5" xfId="0" applyFont="1" applyBorder="1">
      <alignment vertical="center"/>
    </xf>
    <xf numFmtId="0" fontId="0" fillId="0" borderId="0" xfId="0">
      <alignment vertical="center"/>
    </xf>
    <xf numFmtId="0" fontId="0" fillId="0" borderId="5" xfId="0" applyBorder="1">
      <alignment vertical="center"/>
    </xf>
    <xf numFmtId="0" fontId="28" fillId="0" borderId="8" xfId="0" applyFont="1" applyBorder="1" applyAlignment="1">
      <alignment horizontal="left" vertical="center"/>
    </xf>
    <xf numFmtId="0" fontId="27" fillId="0" borderId="8" xfId="0" applyFont="1" applyBorder="1" applyAlignment="1">
      <alignment horizontal="left" vertical="center"/>
    </xf>
    <xf numFmtId="0" fontId="27" fillId="0" borderId="7" xfId="0" applyFont="1" applyBorder="1" applyAlignment="1">
      <alignment horizontal="left" vertical="center"/>
    </xf>
    <xf numFmtId="0" fontId="28" fillId="0" borderId="18" xfId="0" applyFont="1" applyBorder="1" applyAlignment="1">
      <alignment horizontal="center" vertical="center"/>
    </xf>
    <xf numFmtId="0" fontId="27" fillId="0" borderId="16" xfId="0" applyFont="1" applyBorder="1">
      <alignment vertical="center"/>
    </xf>
    <xf numFmtId="0" fontId="28" fillId="0" borderId="16" xfId="0" quotePrefix="1" applyFont="1" applyBorder="1" applyAlignment="1">
      <alignment horizontal="center" vertical="center"/>
    </xf>
    <xf numFmtId="0" fontId="27" fillId="0" borderId="16" xfId="0" applyFont="1" applyBorder="1" applyAlignment="1">
      <alignment horizontal="center" vertical="center"/>
    </xf>
    <xf numFmtId="0" fontId="28" fillId="0" borderId="25" xfId="0" applyFont="1" applyBorder="1" applyAlignment="1">
      <alignment horizontal="left" vertical="center"/>
    </xf>
    <xf numFmtId="0" fontId="18" fillId="0" borderId="24" xfId="0" applyFont="1" applyBorder="1">
      <alignment vertical="center"/>
    </xf>
    <xf numFmtId="0" fontId="18" fillId="0" borderId="25" xfId="0" applyFont="1" applyBorder="1">
      <alignment vertical="center"/>
    </xf>
    <xf numFmtId="0" fontId="18" fillId="0" borderId="26" xfId="0" applyFont="1" applyBorder="1">
      <alignment vertical="center"/>
    </xf>
    <xf numFmtId="0" fontId="28" fillId="0" borderId="25" xfId="0" applyFont="1" applyBorder="1" applyAlignment="1">
      <alignment horizontal="center" vertical="center"/>
    </xf>
    <xf numFmtId="0" fontId="27" fillId="0" borderId="25" xfId="0" applyFont="1" applyBorder="1" applyAlignment="1">
      <alignment horizontal="center" vertical="center"/>
    </xf>
    <xf numFmtId="0" fontId="10" fillId="0" borderId="25" xfId="0" applyFont="1" applyBorder="1" applyAlignment="1">
      <alignment horizontal="center" vertical="center"/>
    </xf>
    <xf numFmtId="0" fontId="0" fillId="0" borderId="25" xfId="0" applyBorder="1" applyAlignment="1">
      <alignment horizontal="center" vertical="center"/>
    </xf>
    <xf numFmtId="0" fontId="28" fillId="0" borderId="16" xfId="0" quotePrefix="1" applyFont="1" applyBorder="1" applyAlignment="1">
      <alignment horizontal="left" vertical="center"/>
    </xf>
    <xf numFmtId="0" fontId="27" fillId="0" borderId="16" xfId="0" applyFont="1" applyBorder="1" applyAlignment="1">
      <alignment horizontal="left" vertical="center"/>
    </xf>
    <xf numFmtId="0" fontId="17" fillId="0" borderId="3" xfId="0" applyFont="1" applyBorder="1" applyAlignment="1">
      <alignment horizontal="center" vertical="center"/>
    </xf>
    <xf numFmtId="0" fontId="17" fillId="0" borderId="2" xfId="0" applyFont="1" applyBorder="1" applyAlignment="1">
      <alignment horizontal="center" vertical="center"/>
    </xf>
    <xf numFmtId="0" fontId="17" fillId="0" borderId="0" xfId="0" applyFont="1" applyAlignment="1">
      <alignment horizontal="center" vertical="center"/>
    </xf>
    <xf numFmtId="0" fontId="17" fillId="0" borderId="5" xfId="0" applyFont="1" applyBorder="1" applyAlignment="1">
      <alignment horizontal="center" vertical="center"/>
    </xf>
    <xf numFmtId="0" fontId="15" fillId="0" borderId="8" xfId="0" applyFont="1" applyBorder="1">
      <alignment vertical="center"/>
    </xf>
    <xf numFmtId="0" fontId="15" fillId="0" borderId="7" xfId="0" applyFont="1" applyBorder="1">
      <alignment vertical="center"/>
    </xf>
    <xf numFmtId="0" fontId="28" fillId="0" borderId="3" xfId="0" applyFont="1" applyBorder="1" applyAlignment="1">
      <alignment horizontal="center" vertical="center"/>
    </xf>
    <xf numFmtId="0" fontId="27" fillId="0" borderId="3" xfId="0" applyFont="1" applyBorder="1" applyAlignment="1">
      <alignment horizontal="center" vertical="center"/>
    </xf>
    <xf numFmtId="0" fontId="28" fillId="0" borderId="3" xfId="0" applyFont="1" applyBorder="1" applyAlignment="1">
      <alignment horizontal="left" vertical="center"/>
    </xf>
    <xf numFmtId="0" fontId="27" fillId="0" borderId="3" xfId="0" applyFont="1" applyBorder="1" applyAlignment="1">
      <alignment horizontal="left" vertical="center"/>
    </xf>
    <xf numFmtId="0" fontId="27" fillId="0" borderId="48" xfId="0" applyFont="1" applyBorder="1" applyAlignment="1">
      <alignment horizontal="left" vertical="center"/>
    </xf>
    <xf numFmtId="0" fontId="10" fillId="0" borderId="0" xfId="0" applyFont="1" applyAlignment="1">
      <alignment horizontal="center" vertical="center"/>
    </xf>
    <xf numFmtId="0" fontId="10" fillId="0" borderId="3" xfId="0" applyFont="1" applyBorder="1" applyAlignment="1">
      <alignment horizontal="center" vertical="center"/>
    </xf>
    <xf numFmtId="0" fontId="10" fillId="0" borderId="3" xfId="0" applyFont="1" applyBorder="1" applyAlignment="1">
      <alignment horizontal="left" vertical="center"/>
    </xf>
    <xf numFmtId="0" fontId="15" fillId="0" borderId="3" xfId="0" applyFont="1" applyBorder="1" applyAlignment="1">
      <alignment horizontal="left" vertical="center"/>
    </xf>
    <xf numFmtId="0" fontId="10" fillId="0" borderId="3" xfId="0" applyFont="1" applyBorder="1" applyAlignment="1">
      <alignment horizontal="left" vertical="center" wrapText="1"/>
    </xf>
    <xf numFmtId="0" fontId="15" fillId="0" borderId="46" xfId="0" applyFont="1" applyBorder="1" applyAlignment="1">
      <alignment horizontal="left" vertical="center"/>
    </xf>
    <xf numFmtId="0" fontId="28" fillId="0" borderId="0" xfId="0" applyFont="1" applyAlignment="1">
      <alignment horizontal="left" vertical="center"/>
    </xf>
    <xf numFmtId="0" fontId="27" fillId="0" borderId="23" xfId="0" applyFont="1" applyBorder="1" applyAlignment="1">
      <alignment horizontal="left" vertical="center"/>
    </xf>
    <xf numFmtId="0" fontId="28" fillId="0" borderId="8" xfId="0" applyFont="1" applyBorder="1" applyAlignment="1">
      <alignment horizontal="center" vertical="center"/>
    </xf>
    <xf numFmtId="0" fontId="27" fillId="0" borderId="8" xfId="0" applyFont="1" applyBorder="1">
      <alignment vertical="center"/>
    </xf>
    <xf numFmtId="0" fontId="28" fillId="0" borderId="31" xfId="0" applyFont="1" applyBorder="1" applyAlignment="1">
      <alignment horizontal="left" vertical="center"/>
    </xf>
    <xf numFmtId="0" fontId="27" fillId="0" borderId="31" xfId="0" applyFont="1" applyBorder="1" applyAlignment="1">
      <alignment horizontal="left" vertical="center"/>
    </xf>
    <xf numFmtId="0" fontId="27" fillId="0" borderId="33" xfId="0" applyFont="1" applyBorder="1" applyAlignment="1">
      <alignment horizontal="left" vertical="center"/>
    </xf>
    <xf numFmtId="0" fontId="12" fillId="0" borderId="34" xfId="0" applyFont="1" applyBorder="1" applyAlignment="1">
      <alignment horizontal="center" vertical="center" textRotation="255" wrapText="1"/>
    </xf>
    <xf numFmtId="0" fontId="12" fillId="0" borderId="35" xfId="0" applyFont="1" applyBorder="1" applyAlignment="1">
      <alignment horizontal="center" vertical="center" textRotation="255" wrapText="1"/>
    </xf>
    <xf numFmtId="0" fontId="12" fillId="0" borderId="38" xfId="0" applyFont="1" applyBorder="1" applyAlignment="1">
      <alignment horizontal="center" vertical="center" textRotation="255" wrapText="1"/>
    </xf>
    <xf numFmtId="0" fontId="12" fillId="0" borderId="42" xfId="0" applyFont="1" applyBorder="1" applyAlignment="1">
      <alignment horizontal="center" vertical="center" textRotation="255" wrapText="1"/>
    </xf>
    <xf numFmtId="0" fontId="12" fillId="0" borderId="43" xfId="0" applyFont="1" applyBorder="1" applyAlignment="1">
      <alignment horizontal="center" vertical="center" textRotation="255" wrapText="1"/>
    </xf>
    <xf numFmtId="0" fontId="28" fillId="0" borderId="16" xfId="0" applyFont="1" applyBorder="1" applyAlignment="1">
      <alignment horizontal="left" vertical="center"/>
    </xf>
    <xf numFmtId="0" fontId="25" fillId="0" borderId="16" xfId="0" applyFont="1" applyBorder="1" applyAlignment="1">
      <alignment horizontal="right" vertical="center"/>
    </xf>
    <xf numFmtId="0" fontId="0" fillId="0" borderId="16" xfId="0" applyBorder="1" applyAlignment="1">
      <alignment horizontal="right" vertical="center"/>
    </xf>
    <xf numFmtId="0" fontId="0" fillId="0" borderId="37" xfId="0" applyBorder="1" applyAlignment="1">
      <alignment horizontal="right" vertical="center"/>
    </xf>
    <xf numFmtId="0" fontId="10" fillId="0" borderId="25" xfId="0" applyFont="1" applyBorder="1" applyAlignment="1">
      <alignment horizontal="left" vertical="center"/>
    </xf>
    <xf numFmtId="0" fontId="0" fillId="0" borderId="27" xfId="0" applyBorder="1" applyAlignment="1">
      <alignment horizontal="left" vertical="center"/>
    </xf>
    <xf numFmtId="0" fontId="10" fillId="0" borderId="31" xfId="0" applyFont="1" applyBorder="1" applyAlignment="1">
      <alignment horizontal="left" vertical="center"/>
    </xf>
    <xf numFmtId="0" fontId="0" fillId="0" borderId="33" xfId="0" applyBorder="1" applyAlignment="1">
      <alignment horizontal="left" vertical="center"/>
    </xf>
    <xf numFmtId="0" fontId="12" fillId="0" borderId="39" xfId="0" applyFont="1" applyBorder="1" applyAlignment="1">
      <alignment horizontal="center" vertical="center" textRotation="255" wrapText="1"/>
    </xf>
    <xf numFmtId="0" fontId="12" fillId="0" borderId="7" xfId="0" applyFont="1" applyBorder="1" applyAlignment="1">
      <alignment horizontal="center" vertical="center" textRotation="255" wrapText="1"/>
    </xf>
    <xf numFmtId="0" fontId="25" fillId="0" borderId="16" xfId="0" applyFont="1" applyBorder="1" applyAlignment="1">
      <alignment horizontal="left" vertical="center"/>
    </xf>
    <xf numFmtId="0" fontId="0" fillId="0" borderId="16" xfId="0" applyBorder="1" applyAlignment="1">
      <alignment horizontal="left" vertical="center"/>
    </xf>
    <xf numFmtId="0" fontId="0" fillId="0" borderId="37" xfId="0" applyBorder="1" applyAlignment="1">
      <alignment horizontal="left" vertical="center"/>
    </xf>
    <xf numFmtId="0" fontId="27" fillId="0" borderId="27" xfId="0" applyFont="1" applyBorder="1" applyAlignment="1">
      <alignment horizontal="left" vertical="center"/>
    </xf>
    <xf numFmtId="0" fontId="28" fillId="0" borderId="18" xfId="0" applyFont="1" applyBorder="1" applyAlignment="1">
      <alignment horizontal="left" vertical="center"/>
    </xf>
    <xf numFmtId="0" fontId="27" fillId="0" borderId="17" xfId="0" applyFont="1" applyBorder="1" applyAlignment="1">
      <alignment horizontal="left" vertical="center"/>
    </xf>
    <xf numFmtId="0" fontId="27" fillId="0" borderId="37" xfId="0" applyFont="1" applyBorder="1" applyAlignment="1">
      <alignment horizontal="left" vertical="center"/>
    </xf>
    <xf numFmtId="0" fontId="21" fillId="0" borderId="45" xfId="0" applyFont="1" applyBorder="1" applyAlignment="1">
      <alignment horizontal="center" vertical="center" textRotation="255" wrapText="1"/>
    </xf>
    <xf numFmtId="0" fontId="21" fillId="0" borderId="2" xfId="0" applyFont="1" applyBorder="1" applyAlignment="1">
      <alignment horizontal="center" vertical="center" textRotation="255" wrapText="1"/>
    </xf>
    <xf numFmtId="0" fontId="21" fillId="0" borderId="42" xfId="0" applyFont="1" applyBorder="1" applyAlignment="1">
      <alignment horizontal="center" vertical="center" textRotation="255" wrapText="1"/>
    </xf>
    <xf numFmtId="0" fontId="21" fillId="0" borderId="43" xfId="0" applyFont="1" applyBorder="1" applyAlignment="1">
      <alignment horizontal="center" vertical="center" textRotation="255" wrapText="1"/>
    </xf>
    <xf numFmtId="0" fontId="18" fillId="0" borderId="24" xfId="0" applyFont="1" applyBorder="1" applyAlignment="1">
      <alignment horizontal="center" vertical="center"/>
    </xf>
    <xf numFmtId="0" fontId="18" fillId="0" borderId="25" xfId="0" applyFont="1" applyBorder="1" applyAlignment="1">
      <alignment horizontal="center" vertical="center"/>
    </xf>
    <xf numFmtId="0" fontId="18" fillId="0" borderId="26" xfId="0" applyFont="1" applyBorder="1" applyAlignment="1">
      <alignment horizontal="center" vertical="center"/>
    </xf>
    <xf numFmtId="0" fontId="18" fillId="0" borderId="27" xfId="0" applyFont="1" applyBorder="1" applyAlignment="1">
      <alignment horizontal="center" vertical="center"/>
    </xf>
    <xf numFmtId="0" fontId="18" fillId="0" borderId="30" xfId="0" applyFont="1" applyBorder="1" applyAlignment="1">
      <alignment horizontal="left" vertical="center"/>
    </xf>
    <xf numFmtId="0" fontId="18" fillId="0" borderId="31" xfId="0" applyFont="1" applyBorder="1" applyAlignment="1">
      <alignment horizontal="left" vertical="center"/>
    </xf>
    <xf numFmtId="0" fontId="0" fillId="0" borderId="32" xfId="0" applyBorder="1" applyAlignment="1">
      <alignment horizontal="left" vertical="center"/>
    </xf>
    <xf numFmtId="0" fontId="15" fillId="0" borderId="31" xfId="0" applyFont="1" applyBorder="1" applyAlignment="1">
      <alignment horizontal="left" vertical="center"/>
    </xf>
    <xf numFmtId="0" fontId="0" fillId="0" borderId="31" xfId="0" applyBorder="1" applyAlignment="1">
      <alignment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50-EC42-11CE-9E0D-00AA006002F3}" ax:persistence="persistStreamInit" r:id="rId1"/>
</file>

<file path=xl/activeX/activeX3.xml><?xml version="1.0" encoding="utf-8"?>
<ax:ocx xmlns:ax="http://schemas.microsoft.com/office/2006/activeX" xmlns:r="http://schemas.openxmlformats.org/officeDocument/2006/relationships" ax:classid="{8BD21D50-EC42-11CE-9E0D-00AA006002F3}" ax:persistence="persistStreamInit" r:id="rId1"/>
</file>

<file path=xl/activeX/activeX4.xml><?xml version="1.0" encoding="utf-8"?>
<ax:ocx xmlns:ax="http://schemas.microsoft.com/office/2006/activeX" xmlns:r="http://schemas.openxmlformats.org/officeDocument/2006/relationships" ax:classid="{8BD21D50-EC42-11CE-9E0D-00AA006002F3}" ax:persistence="persistStreamInit" r:id="rId1"/>
</file>

<file path=xl/activeX/activeX5.xml><?xml version="1.0" encoding="utf-8"?>
<ax:ocx xmlns:ax="http://schemas.microsoft.com/office/2006/activeX" xmlns:r="http://schemas.openxmlformats.org/officeDocument/2006/relationships" ax:classid="{8BD21D5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Radio" firstButton="1"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GBox" noThreeD="1"/>
</file>

<file path=xl/ctrlProps/ctrlProp22.xml><?xml version="1.0" encoding="utf-8"?>
<formControlPr xmlns="http://schemas.microsoft.com/office/spreadsheetml/2009/9/main" objectType="Radio" firstButton="1" lockText="1" noThreeD="1"/>
</file>

<file path=xl/ctrlProps/ctrlProp23.xml><?xml version="1.0" encoding="utf-8"?>
<formControlPr xmlns="http://schemas.microsoft.com/office/spreadsheetml/2009/9/main" objectType="Radio" checked="Checked" lockText="1" noThreeD="1"/>
</file>

<file path=xl/ctrlProps/ctrlProp24.xml><?xml version="1.0" encoding="utf-8"?>
<formControlPr xmlns="http://schemas.microsoft.com/office/spreadsheetml/2009/9/main" objectType="Radio" lockText="1" noThreeD="1"/>
</file>

<file path=xl/ctrlProps/ctrlProp25.xml><?xml version="1.0" encoding="utf-8"?>
<formControlPr xmlns="http://schemas.microsoft.com/office/spreadsheetml/2009/9/main" objectType="Radio" lockText="1" noThreeD="1"/>
</file>

<file path=xl/ctrlProps/ctrlProp26.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Radio" firstButton="1" lockText="1" noThreeD="1"/>
</file>

<file path=xl/ctrlProps/ctrlProp28.xml><?xml version="1.0" encoding="utf-8"?>
<formControlPr xmlns="http://schemas.microsoft.com/office/spreadsheetml/2009/9/main" objectType="Radio" checked="Checked" lockText="1" noThreeD="1"/>
</file>

<file path=xl/ctrlProps/ctrlProp29.xml><?xml version="1.0" encoding="utf-8"?>
<formControlPr xmlns="http://schemas.microsoft.com/office/spreadsheetml/2009/9/main" objectType="GBox" noThreeD="1"/>
</file>

<file path=xl/ctrlProps/ctrlProp3.xml><?xml version="1.0" encoding="utf-8"?>
<formControlPr xmlns="http://schemas.microsoft.com/office/spreadsheetml/2009/9/main" objectType="Radio" lockText="1" noThreeD="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GBox" noThreeD="1"/>
</file>

<file path=xl/ctrlProps/ctrlProp39.xml><?xml version="1.0" encoding="utf-8"?>
<formControlPr xmlns="http://schemas.microsoft.com/office/spreadsheetml/2009/9/main" objectType="GBox"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GBox" noThreeD="1"/>
</file>

<file path=xl/ctrlProps/ctrlProp5.xml><?xml version="1.0" encoding="utf-8"?>
<formControlPr xmlns="http://schemas.microsoft.com/office/spreadsheetml/2009/9/main" objectType="Radio" firstButton="1" lockText="1" noThreeD="1"/>
</file>

<file path=xl/ctrlProps/ctrlProp6.xml><?xml version="1.0" encoding="utf-8"?>
<formControlPr xmlns="http://schemas.microsoft.com/office/spreadsheetml/2009/9/main" objectType="Radio" checked="Checked" lockText="1"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GBox" noThreeD="1"/>
</file>

<file path=xl/drawings/_rels/drawing2.xml.rels><?xml version="1.0" encoding="UTF-8" standalone="yes"?>
<Relationships xmlns="http://schemas.openxmlformats.org/package/2006/relationships"><Relationship Id="rId1" Type="http://schemas.openxmlformats.org/officeDocument/2006/relationships/image" Target="../media/image6.png"/></Relationships>
</file>

<file path=xl/drawings/_rels/vmlDrawing1.v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3" Type="http://schemas.openxmlformats.org/officeDocument/2006/relationships/image" Target="../media/image5.emf"/><Relationship Id="rId2" Type="http://schemas.openxmlformats.org/officeDocument/2006/relationships/image" Target="../media/image3.emf"/><Relationship Id="rId1"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xdr:from>
      <xdr:col>19</xdr:col>
      <xdr:colOff>123825</xdr:colOff>
      <xdr:row>1</xdr:row>
      <xdr:rowOff>228600</xdr:rowOff>
    </xdr:from>
    <xdr:to>
      <xdr:col>19</xdr:col>
      <xdr:colOff>123825</xdr:colOff>
      <xdr:row>1</xdr:row>
      <xdr:rowOff>228600</xdr:rowOff>
    </xdr:to>
    <xdr:sp macro="" textlink="">
      <xdr:nvSpPr>
        <xdr:cNvPr id="10" name="Line 18">
          <a:extLst>
            <a:ext uri="{FF2B5EF4-FFF2-40B4-BE49-F238E27FC236}">
              <a16:creationId xmlns:a16="http://schemas.microsoft.com/office/drawing/2014/main" id="{00000000-0008-0000-0000-00000A000000}"/>
            </a:ext>
          </a:extLst>
        </xdr:cNvPr>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142875</xdr:colOff>
      <xdr:row>33</xdr:row>
      <xdr:rowOff>228600</xdr:rowOff>
    </xdr:from>
    <xdr:to>
      <xdr:col>17</xdr:col>
      <xdr:colOff>142875</xdr:colOff>
      <xdr:row>35</xdr:row>
      <xdr:rowOff>9525</xdr:rowOff>
    </xdr:to>
    <xdr:sp macro="" textlink="">
      <xdr:nvSpPr>
        <xdr:cNvPr id="14" name="Text Box 28">
          <a:extLst>
            <a:ext uri="{FF2B5EF4-FFF2-40B4-BE49-F238E27FC236}">
              <a16:creationId xmlns:a16="http://schemas.microsoft.com/office/drawing/2014/main" id="{00000000-0008-0000-0000-00000E000000}"/>
            </a:ext>
          </a:extLst>
        </xdr:cNvPr>
        <xdr:cNvSpPr txBox="1">
          <a:spLocks noChangeArrowheads="1"/>
        </xdr:cNvSpPr>
      </xdr:nvSpPr>
      <xdr:spPr bwMode="auto">
        <a:xfrm>
          <a:off x="1238250" y="8001000"/>
          <a:ext cx="2200275"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4</xdr:row>
      <xdr:rowOff>0</xdr:rowOff>
    </xdr:from>
    <xdr:to>
      <xdr:col>6</xdr:col>
      <xdr:colOff>76200</xdr:colOff>
      <xdr:row>34</xdr:row>
      <xdr:rowOff>66675</xdr:rowOff>
    </xdr:to>
    <xdr:sp macro="" textlink="">
      <xdr:nvSpPr>
        <xdr:cNvPr id="16" name="Line 30">
          <a:extLst>
            <a:ext uri="{FF2B5EF4-FFF2-40B4-BE49-F238E27FC236}">
              <a16:creationId xmlns:a16="http://schemas.microsoft.com/office/drawing/2014/main" id="{00000000-0008-0000-0000-000010000000}"/>
            </a:ext>
          </a:extLst>
        </xdr:cNvPr>
        <xdr:cNvSpPr>
          <a:spLocks noChangeShapeType="1"/>
        </xdr:cNvSpPr>
      </xdr:nvSpPr>
      <xdr:spPr bwMode="auto">
        <a:xfrm flipV="1">
          <a:off x="1171575" y="8010525"/>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6</xdr:row>
      <xdr:rowOff>619125</xdr:rowOff>
    </xdr:from>
    <xdr:to>
      <xdr:col>38</xdr:col>
      <xdr:colOff>323850</xdr:colOff>
      <xdr:row>8</xdr:row>
      <xdr:rowOff>266700</xdr:rowOff>
    </xdr:to>
    <xdr:sp macro="" textlink="">
      <xdr:nvSpPr>
        <xdr:cNvPr id="22" name="Text Box 2">
          <a:extLst>
            <a:ext uri="{FF2B5EF4-FFF2-40B4-BE49-F238E27FC236}">
              <a16:creationId xmlns:a16="http://schemas.microsoft.com/office/drawing/2014/main" id="{00000000-0008-0000-0000-000016000000}"/>
            </a:ext>
          </a:extLst>
        </xdr:cNvPr>
        <xdr:cNvSpPr txBox="1">
          <a:spLocks noChangeArrowheads="1"/>
        </xdr:cNvSpPr>
      </xdr:nvSpPr>
      <xdr:spPr bwMode="auto">
        <a:xfrm>
          <a:off x="95250" y="1504950"/>
          <a:ext cx="7724775" cy="276225"/>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1</xdr:row>
          <xdr:rowOff>0</xdr:rowOff>
        </xdr:from>
        <xdr:to>
          <xdr:col>10</xdr:col>
          <xdr:colOff>133350</xdr:colOff>
          <xdr:row>11</xdr:row>
          <xdr:rowOff>238125</xdr:rowOff>
        </xdr:to>
        <xdr:sp macro="" textlink="">
          <xdr:nvSpPr>
            <xdr:cNvPr id="1034" name="Option Button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1</xdr:row>
          <xdr:rowOff>0</xdr:rowOff>
        </xdr:from>
        <xdr:to>
          <xdr:col>17</xdr:col>
          <xdr:colOff>85725</xdr:colOff>
          <xdr:row>11</xdr:row>
          <xdr:rowOff>238125</xdr:rowOff>
        </xdr:to>
        <xdr:sp macro="" textlink="">
          <xdr:nvSpPr>
            <xdr:cNvPr id="1035" name="Option Button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1</xdr:row>
          <xdr:rowOff>0</xdr:rowOff>
        </xdr:from>
        <xdr:to>
          <xdr:col>24</xdr:col>
          <xdr:colOff>104775</xdr:colOff>
          <xdr:row>11</xdr:row>
          <xdr:rowOff>238125</xdr:rowOff>
        </xdr:to>
        <xdr:sp macro="" textlink="">
          <xdr:nvSpPr>
            <xdr:cNvPr id="1036" name="Option Button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6050</xdr:colOff>
          <xdr:row>11</xdr:row>
          <xdr:rowOff>12700</xdr:rowOff>
        </xdr:from>
        <xdr:to>
          <xdr:col>38</xdr:col>
          <xdr:colOff>190500</xdr:colOff>
          <xdr:row>12</xdr:row>
          <xdr:rowOff>0</xdr:rowOff>
        </xdr:to>
        <xdr:sp macro="" textlink="">
          <xdr:nvSpPr>
            <xdr:cNvPr id="1038" name="Option Button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xdr:row>
          <xdr:rowOff>12700</xdr:rowOff>
        </xdr:from>
        <xdr:to>
          <xdr:col>24</xdr:col>
          <xdr:colOff>0</xdr:colOff>
          <xdr:row>8</xdr:row>
          <xdr:rowOff>247650</xdr:rowOff>
        </xdr:to>
        <xdr:sp macro="" textlink="">
          <xdr:nvSpPr>
            <xdr:cNvPr id="1039" name="Option Button 15" hidden="1">
              <a:extLst>
                <a:ext uri="{63B3BB69-23CF-44E3-9099-C40C66FF867C}">
                  <a14:compatExt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4150</xdr:colOff>
          <xdr:row>8</xdr:row>
          <xdr:rowOff>12700</xdr:rowOff>
        </xdr:from>
        <xdr:to>
          <xdr:col>25</xdr:col>
          <xdr:colOff>180975</xdr:colOff>
          <xdr:row>8</xdr:row>
          <xdr:rowOff>247650</xdr:rowOff>
        </xdr:to>
        <xdr:sp macro="" textlink="">
          <xdr:nvSpPr>
            <xdr:cNvPr id="1040" name="Option Button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xdr:twoCellAnchor>
    <xdr:from>
      <xdr:col>19</xdr:col>
      <xdr:colOff>123825</xdr:colOff>
      <xdr:row>1</xdr:row>
      <xdr:rowOff>228600</xdr:rowOff>
    </xdr:from>
    <xdr:to>
      <xdr:col>19</xdr:col>
      <xdr:colOff>123825</xdr:colOff>
      <xdr:row>1</xdr:row>
      <xdr:rowOff>228600</xdr:rowOff>
    </xdr:to>
    <xdr:sp macro="" textlink="">
      <xdr:nvSpPr>
        <xdr:cNvPr id="41" name="Line 18" hidden="1">
          <a:extLst>
            <a:ext uri="{FF2B5EF4-FFF2-40B4-BE49-F238E27FC236}">
              <a16:creationId xmlns:a16="http://schemas.microsoft.com/office/drawing/2014/main" id="{00000000-0008-0000-0000-000029000000}"/>
            </a:ext>
          </a:extLst>
        </xdr:cNvPr>
        <xdr:cNvSpPr>
          <a:spLocks noChangeShapeType="1"/>
        </xdr:cNvSpPr>
      </xdr:nvSpPr>
      <xdr:spPr bwMode="auto">
        <a:xfrm>
          <a:off x="3819525" y="44767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mc:AlternateContent xmlns:mc="http://schemas.openxmlformats.org/markup-compatibility/2006">
    <mc:Choice xmlns:a14="http://schemas.microsoft.com/office/drawing/2010/main" Requires="a14">
      <xdr:twoCellAnchor editAs="oneCell">
        <xdr:from>
          <xdr:col>25</xdr:col>
          <xdr:colOff>12700</xdr:colOff>
          <xdr:row>11</xdr:row>
          <xdr:rowOff>0</xdr:rowOff>
        </xdr:from>
        <xdr:to>
          <xdr:col>31</xdr:col>
          <xdr:colOff>47625</xdr:colOff>
          <xdr:row>11</xdr:row>
          <xdr:rowOff>238125</xdr:rowOff>
        </xdr:to>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000-00002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0</xdr:colOff>
          <xdr:row>18</xdr:row>
          <xdr:rowOff>228600</xdr:rowOff>
        </xdr:from>
        <xdr:to>
          <xdr:col>19</xdr:col>
          <xdr:colOff>85725</xdr:colOff>
          <xdr:row>20</xdr:row>
          <xdr:rowOff>57150</xdr:rowOff>
        </xdr:to>
        <xdr:sp macro="" textlink="">
          <xdr:nvSpPr>
            <xdr:cNvPr id="1070" name="支払い方法" hidden="1">
              <a:extLst>
                <a:ext uri="{63B3BB69-23CF-44E3-9099-C40C66FF867C}">
                  <a14:compatExt spid="_x0000_s1070"/>
                </a:ext>
                <a:ext uri="{FF2B5EF4-FFF2-40B4-BE49-F238E27FC236}">
                  <a16:creationId xmlns:a16="http://schemas.microsoft.com/office/drawing/2014/main" id="{00000000-0008-0000-0000-00002E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0</xdr:colOff>
          <xdr:row>18</xdr:row>
          <xdr:rowOff>241300</xdr:rowOff>
        </xdr:from>
        <xdr:to>
          <xdr:col>11</xdr:col>
          <xdr:colOff>104775</xdr:colOff>
          <xdr:row>19</xdr:row>
          <xdr:rowOff>238125</xdr:rowOff>
        </xdr:to>
        <xdr:sp macro="" textlink="">
          <xdr:nvSpPr>
            <xdr:cNvPr id="1071" name="支払い：振込み" hidden="1">
              <a:extLst>
                <a:ext uri="{63B3BB69-23CF-44E3-9099-C40C66FF867C}">
                  <a14:compatExt spid="_x0000_s1071"/>
                </a:ext>
                <a:ext uri="{FF2B5EF4-FFF2-40B4-BE49-F238E27FC236}">
                  <a16:creationId xmlns:a16="http://schemas.microsoft.com/office/drawing/2014/main" id="{00000000-0008-0000-0000-00002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振込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19</xdr:row>
          <xdr:rowOff>0</xdr:rowOff>
        </xdr:from>
        <xdr:to>
          <xdr:col>15</xdr:col>
          <xdr:colOff>133350</xdr:colOff>
          <xdr:row>20</xdr:row>
          <xdr:rowOff>0</xdr:rowOff>
        </xdr:to>
        <xdr:sp macro="" textlink="">
          <xdr:nvSpPr>
            <xdr:cNvPr id="1072" name="支払い;代引き" hidden="1">
              <a:extLst>
                <a:ext uri="{63B3BB69-23CF-44E3-9099-C40C66FF867C}">
                  <a14:compatExt spid="_x0000_s1072"/>
                </a:ext>
                <a:ext uri="{FF2B5EF4-FFF2-40B4-BE49-F238E27FC236}">
                  <a16:creationId xmlns:a16="http://schemas.microsoft.com/office/drawing/2014/main" id="{00000000-0008-0000-0000-00003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代引き</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750</xdr:colOff>
          <xdr:row>32</xdr:row>
          <xdr:rowOff>12700</xdr:rowOff>
        </xdr:from>
        <xdr:to>
          <xdr:col>8</xdr:col>
          <xdr:colOff>142875</xdr:colOff>
          <xdr:row>33</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0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1750</xdr:colOff>
          <xdr:row>31</xdr:row>
          <xdr:rowOff>412750</xdr:rowOff>
        </xdr:from>
        <xdr:to>
          <xdr:col>13</xdr:col>
          <xdr:colOff>133350</xdr:colOff>
          <xdr:row>33</xdr:row>
          <xdr:rowOff>9525</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0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31750</xdr:colOff>
          <xdr:row>31</xdr:row>
          <xdr:rowOff>412750</xdr:rowOff>
        </xdr:from>
        <xdr:to>
          <xdr:col>22</xdr:col>
          <xdr:colOff>38100</xdr:colOff>
          <xdr:row>33</xdr:row>
          <xdr:rowOff>9525</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0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3.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8100</xdr:colOff>
          <xdr:row>31</xdr:row>
          <xdr:rowOff>412750</xdr:rowOff>
        </xdr:from>
        <xdr:to>
          <xdr:col>29</xdr:col>
          <xdr:colOff>142875</xdr:colOff>
          <xdr:row>33</xdr:row>
          <xdr:rowOff>9525</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0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4.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9050</xdr:colOff>
          <xdr:row>31</xdr:row>
          <xdr:rowOff>412750</xdr:rowOff>
        </xdr:from>
        <xdr:to>
          <xdr:col>35</xdr:col>
          <xdr:colOff>66675</xdr:colOff>
          <xdr:row>33</xdr:row>
          <xdr:rowOff>9525</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0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0</xdr:rowOff>
        </xdr:from>
        <xdr:to>
          <xdr:col>9</xdr:col>
          <xdr:colOff>123825</xdr:colOff>
          <xdr:row>34</xdr:row>
          <xdr:rowOff>9525</xdr:rowOff>
        </xdr:to>
        <xdr:sp macro="" textlink="">
          <xdr:nvSpPr>
            <xdr:cNvPr id="1079" name="Check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1750</xdr:colOff>
          <xdr:row>32</xdr:row>
          <xdr:rowOff>228600</xdr:rowOff>
        </xdr:from>
        <xdr:to>
          <xdr:col>13</xdr:col>
          <xdr:colOff>180975</xdr:colOff>
          <xdr:row>34</xdr:row>
          <xdr:rowOff>0</xdr:rowOff>
        </xdr:to>
        <xdr:sp macro="" textlink="">
          <xdr:nvSpPr>
            <xdr:cNvPr id="1080" name="Check Box 56" hidden="1">
              <a:extLst>
                <a:ext uri="{63B3BB69-23CF-44E3-9099-C40C66FF867C}">
                  <a14:compatExt spid="_x0000_s1080"/>
                </a:ext>
                <a:ext uri="{FF2B5EF4-FFF2-40B4-BE49-F238E27FC236}">
                  <a16:creationId xmlns:a16="http://schemas.microsoft.com/office/drawing/2014/main" id="{00000000-0008-0000-0000-00003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42</xdr:row>
          <xdr:rowOff>12700</xdr:rowOff>
        </xdr:from>
        <xdr:to>
          <xdr:col>38</xdr:col>
          <xdr:colOff>228600</xdr:colOff>
          <xdr:row>44</xdr:row>
          <xdr:rowOff>95250</xdr:rowOff>
        </xdr:to>
        <xdr:sp macro="" textlink="">
          <xdr:nvSpPr>
            <xdr:cNvPr id="1060" name="Group Boxデータ消去" hidden="1">
              <a:extLst>
                <a:ext uri="{63B3BB69-23CF-44E3-9099-C40C66FF867C}">
                  <a14:compatExt spid="_x0000_s1060"/>
                </a:ext>
                <a:ext uri="{FF2B5EF4-FFF2-40B4-BE49-F238E27FC236}">
                  <a16:creationId xmlns:a16="http://schemas.microsoft.com/office/drawing/2014/main" id="{00000000-0008-0000-0000-000024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5100</xdr:colOff>
          <xdr:row>18</xdr:row>
          <xdr:rowOff>203200</xdr:rowOff>
        </xdr:from>
        <xdr:to>
          <xdr:col>19</xdr:col>
          <xdr:colOff>28575</xdr:colOff>
          <xdr:row>19</xdr:row>
          <xdr:rowOff>238125</xdr:rowOff>
        </xdr:to>
        <xdr:sp macro="" textlink="">
          <xdr:nvSpPr>
            <xdr:cNvPr id="1081" name="Group Box 支払い方法" hidden="1">
              <a:extLst>
                <a:ext uri="{63B3BB69-23CF-44E3-9099-C40C66FF867C}">
                  <a14:compatExt spid="_x0000_s1081"/>
                </a:ext>
                <a:ext uri="{FF2B5EF4-FFF2-40B4-BE49-F238E27FC236}">
                  <a16:creationId xmlns:a16="http://schemas.microsoft.com/office/drawing/2014/main" id="{00000000-0008-0000-0000-000039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1750</xdr:colOff>
          <xdr:row>10</xdr:row>
          <xdr:rowOff>203200</xdr:rowOff>
        </xdr:from>
        <xdr:to>
          <xdr:col>40</xdr:col>
          <xdr:colOff>9525</xdr:colOff>
          <xdr:row>12</xdr:row>
          <xdr:rowOff>104775</xdr:rowOff>
        </xdr:to>
        <xdr:sp macro="" textlink="">
          <xdr:nvSpPr>
            <xdr:cNvPr id="1044" name="Group Box 集荷時間" hidden="1">
              <a:extLst>
                <a:ext uri="{63B3BB69-23CF-44E3-9099-C40C66FF867C}">
                  <a14:compatExt spid="_x0000_s1044"/>
                </a:ext>
                <a:ext uri="{FF2B5EF4-FFF2-40B4-BE49-F238E27FC236}">
                  <a16:creationId xmlns:a16="http://schemas.microsoft.com/office/drawing/2014/main" id="{00000000-0008-0000-0000-000014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6</xdr:row>
          <xdr:rowOff>590550</xdr:rowOff>
        </xdr:from>
        <xdr:to>
          <xdr:col>28</xdr:col>
          <xdr:colOff>76200</xdr:colOff>
          <xdr:row>10</xdr:row>
          <xdr:rowOff>38100</xdr:rowOff>
        </xdr:to>
        <xdr:sp macro="" textlink="">
          <xdr:nvSpPr>
            <xdr:cNvPr id="1043" name="Group Box 複数台" descr="グループ19&#10;" hidden="1">
              <a:extLst>
                <a:ext uri="{63B3BB69-23CF-44E3-9099-C40C66FF867C}">
                  <a14:compatExt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xdr:twoCellAnchor>
    <xdr:from>
      <xdr:col>8</xdr:col>
      <xdr:colOff>161925</xdr:colOff>
      <xdr:row>12</xdr:row>
      <xdr:rowOff>19050</xdr:rowOff>
    </xdr:from>
    <xdr:to>
      <xdr:col>9</xdr:col>
      <xdr:colOff>123825</xdr:colOff>
      <xdr:row>12</xdr:row>
      <xdr:rowOff>152400</xdr:rowOff>
    </xdr:to>
    <xdr:cxnSp macro="">
      <xdr:nvCxnSpPr>
        <xdr:cNvPr id="36" name="カギ線コネクタ 8">
          <a:extLst>
            <a:ext uri="{FF2B5EF4-FFF2-40B4-BE49-F238E27FC236}">
              <a16:creationId xmlns:a16="http://schemas.microsoft.com/office/drawing/2014/main" id="{00000000-0008-0000-0000-000024000000}"/>
            </a:ext>
          </a:extLst>
        </xdr:cNvPr>
        <xdr:cNvCxnSpPr>
          <a:cxnSpLocks noChangeShapeType="1"/>
        </xdr:cNvCxnSpPr>
      </xdr:nvCxnSpPr>
      <xdr:spPr bwMode="auto">
        <a:xfrm rot="10800000">
          <a:off x="1657350" y="2438400"/>
          <a:ext cx="161925" cy="133350"/>
        </a:xfrm>
        <a:prstGeom prst="bentConnector3">
          <a:avLst>
            <a:gd name="adj1" fmla="val 100000"/>
          </a:avLst>
        </a:prstGeom>
        <a:noFill/>
        <a:ln w="9525" algn="ctr">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5</xdr:col>
      <xdr:colOff>47626</xdr:colOff>
      <xdr:row>20</xdr:row>
      <xdr:rowOff>66674</xdr:rowOff>
    </xdr:from>
    <xdr:to>
      <xdr:col>6</xdr:col>
      <xdr:colOff>114301</xdr:colOff>
      <xdr:row>21</xdr:row>
      <xdr:rowOff>47624</xdr:rowOff>
    </xdr:to>
    <xdr:cxnSp macro="">
      <xdr:nvCxnSpPr>
        <xdr:cNvPr id="25" name="カギ線コネクタ 24">
          <a:extLst>
            <a:ext uri="{FF2B5EF4-FFF2-40B4-BE49-F238E27FC236}">
              <a16:creationId xmlns:a16="http://schemas.microsoft.com/office/drawing/2014/main" id="{00000000-0008-0000-0000-000019000000}"/>
            </a:ext>
          </a:extLst>
        </xdr:cNvPr>
        <xdr:cNvCxnSpPr/>
      </xdr:nvCxnSpPr>
      <xdr:spPr>
        <a:xfrm rot="10800000" flipV="1">
          <a:off x="942976" y="5095874"/>
          <a:ext cx="266700" cy="142875"/>
        </a:xfrm>
        <a:prstGeom prst="bentConnector3">
          <a:avLst>
            <a:gd name="adj1" fmla="val 98214"/>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mc:AlternateContent xmlns:mc="http://schemas.openxmlformats.org/markup-compatibility/2006">
    <mc:Choice xmlns:a14="http://schemas.microsoft.com/office/drawing/2010/main" Requires="a14">
      <xdr:twoCellAnchor>
        <xdr:from>
          <xdr:col>4</xdr:col>
          <xdr:colOff>44450</xdr:colOff>
          <xdr:row>42</xdr:row>
          <xdr:rowOff>0</xdr:rowOff>
        </xdr:from>
        <xdr:to>
          <xdr:col>30</xdr:col>
          <xdr:colOff>76200</xdr:colOff>
          <xdr:row>42</xdr:row>
          <xdr:rowOff>273050</xdr:rowOff>
        </xdr:to>
        <xdr:sp macro="" textlink="">
          <xdr:nvSpPr>
            <xdr:cNvPr id="1088" name="CheckBox1" hidden="1">
              <a:extLst>
                <a:ext uri="{63B3BB69-23CF-44E3-9099-C40C66FF867C}">
                  <a14:compatExt spid="_x0000_s1088"/>
                </a:ext>
                <a:ext uri="{FF2B5EF4-FFF2-40B4-BE49-F238E27FC236}">
                  <a16:creationId xmlns:a16="http://schemas.microsoft.com/office/drawing/2014/main" id="{00000000-0008-0000-0000-0000400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50800</xdr:colOff>
          <xdr:row>45</xdr:row>
          <xdr:rowOff>0</xdr:rowOff>
        </xdr:from>
        <xdr:to>
          <xdr:col>22</xdr:col>
          <xdr:colOff>44450</xdr:colOff>
          <xdr:row>46</xdr:row>
          <xdr:rowOff>0</xdr:rowOff>
        </xdr:to>
        <xdr:grpSp>
          <xdr:nvGrpSpPr>
            <xdr:cNvPr id="2" name="グループ化 1">
              <a:extLst>
                <a:ext uri="{FF2B5EF4-FFF2-40B4-BE49-F238E27FC236}">
                  <a16:creationId xmlns:a16="http://schemas.microsoft.com/office/drawing/2014/main" id="{B2583CAA-9AAB-E12B-7DF5-7B4224A0ED4A}"/>
                </a:ext>
              </a:extLst>
            </xdr:cNvPr>
            <xdr:cNvGrpSpPr/>
          </xdr:nvGrpSpPr>
          <xdr:grpSpPr>
            <a:xfrm>
              <a:off x="742950" y="10115550"/>
              <a:ext cx="3600450" cy="314325"/>
              <a:chOff x="746130" y="10887075"/>
              <a:chExt cx="3594100" cy="314325"/>
            </a:xfrm>
          </xdr:grpSpPr>
          <xdr:sp macro="" textlink="">
            <xdr:nvSpPr>
              <xdr:cNvPr id="1089" name="OptionButton1" hidden="1">
                <a:extLst>
                  <a:ext uri="{63B3BB69-23CF-44E3-9099-C40C66FF867C}">
                    <a14:compatExt spid="_x0000_s1089"/>
                  </a:ext>
                  <a:ext uri="{FF2B5EF4-FFF2-40B4-BE49-F238E27FC236}">
                    <a16:creationId xmlns:a16="http://schemas.microsoft.com/office/drawing/2014/main" id="{00000000-0008-0000-0000-000041040000}"/>
                  </a:ext>
                </a:extLst>
              </xdr:cNvPr>
              <xdr:cNvSpPr/>
            </xdr:nvSpPr>
            <xdr:spPr bwMode="auto">
              <a:xfrm>
                <a:off x="746130" y="10887075"/>
                <a:ext cx="2476501" cy="304800"/>
              </a:xfrm>
              <a:prstGeom prst="rect">
                <a:avLst/>
              </a:prstGeom>
              <a:noFill/>
              <a:ln>
                <a:noFill/>
              </a:ln>
              <a:extLst>
                <a:ext uri="{91240B29-F687-4F45-9708-019B960494DF}">
                  <a14:hiddenLine w="9525">
                    <a:noFill/>
                    <a:miter lim="800000"/>
                    <a:headEnd/>
                    <a:tailEnd/>
                  </a14:hiddenLine>
                </a:ext>
              </a:extLst>
            </xdr:spPr>
          </xdr:sp>
          <xdr:sp macro="" textlink="">
            <xdr:nvSpPr>
              <xdr:cNvPr id="1090" name="OptionButton2" hidden="1">
                <a:extLst>
                  <a:ext uri="{63B3BB69-23CF-44E3-9099-C40C66FF867C}">
                    <a14:compatExt spid="_x0000_s1090"/>
                  </a:ext>
                  <a:ext uri="{FF2B5EF4-FFF2-40B4-BE49-F238E27FC236}">
                    <a16:creationId xmlns:a16="http://schemas.microsoft.com/office/drawing/2014/main" id="{00000000-0008-0000-0000-000042040000}"/>
                  </a:ext>
                </a:extLst>
              </xdr:cNvPr>
              <xdr:cNvSpPr/>
            </xdr:nvSpPr>
            <xdr:spPr bwMode="auto">
              <a:xfrm>
                <a:off x="3248025" y="10887075"/>
                <a:ext cx="1092205" cy="314325"/>
              </a:xfrm>
              <a:prstGeom prst="rect">
                <a:avLst/>
              </a:prstGeom>
              <a:noFill/>
              <a:ln>
                <a:noFill/>
              </a:ln>
              <a:extLst>
                <a:ext uri="{91240B29-F687-4F45-9708-019B960494DF}">
                  <a14:hiddenLine w="9525">
                    <a:noFill/>
                    <a:miter lim="800000"/>
                    <a:headEnd/>
                    <a:tailEnd/>
                  </a14:hiddenLine>
                </a:ext>
              </a:extLst>
            </xdr:spPr>
          </xdr:sp>
        </xdr:grpSp>
        <xdr:clientData/>
      </xdr:twoCellAnchor>
    </mc:Choice>
    <mc:Fallback/>
  </mc:AlternateContent>
  <xdr:twoCellAnchor>
    <xdr:from>
      <xdr:col>44</xdr:col>
      <xdr:colOff>76200</xdr:colOff>
      <xdr:row>13</xdr:row>
      <xdr:rowOff>234950</xdr:rowOff>
    </xdr:from>
    <xdr:to>
      <xdr:col>46</xdr:col>
      <xdr:colOff>44450</xdr:colOff>
      <xdr:row>15</xdr:row>
      <xdr:rowOff>9525</xdr:rowOff>
    </xdr:to>
    <xdr:sp macro="" textlink="">
      <xdr:nvSpPr>
        <xdr:cNvPr id="3" name="楕円 2">
          <a:extLst>
            <a:ext uri="{FF2B5EF4-FFF2-40B4-BE49-F238E27FC236}">
              <a16:creationId xmlns:a16="http://schemas.microsoft.com/office/drawing/2014/main" id="{2774DE19-F19F-4413-B0BA-9ABF549A664C}"/>
            </a:ext>
          </a:extLst>
        </xdr:cNvPr>
        <xdr:cNvSpPr/>
      </xdr:nvSpPr>
      <xdr:spPr>
        <a:xfrm>
          <a:off x="8620125" y="3006725"/>
          <a:ext cx="368300" cy="288925"/>
        </a:xfrm>
        <a:prstGeom prst="ellipse">
          <a:avLst/>
        </a:prstGeom>
        <a:noFill/>
        <a:ln w="285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201</xdr:colOff>
      <xdr:row>3</xdr:row>
      <xdr:rowOff>19050</xdr:rowOff>
    </xdr:from>
    <xdr:to>
      <xdr:col>13</xdr:col>
      <xdr:colOff>114300</xdr:colOff>
      <xdr:row>4</xdr:row>
      <xdr:rowOff>95250</xdr:rowOff>
    </xdr:to>
    <xdr:sp macro="" textlink="">
      <xdr:nvSpPr>
        <xdr:cNvPr id="2" name="Rectangle 12">
          <a:extLst>
            <a:ext uri="{FF2B5EF4-FFF2-40B4-BE49-F238E27FC236}">
              <a16:creationId xmlns:a16="http://schemas.microsoft.com/office/drawing/2014/main" id="{00000000-0008-0000-0200-000002000000}"/>
            </a:ext>
          </a:extLst>
        </xdr:cNvPr>
        <xdr:cNvSpPr>
          <a:spLocks noChangeArrowheads="1"/>
        </xdr:cNvSpPr>
      </xdr:nvSpPr>
      <xdr:spPr bwMode="auto">
        <a:xfrm>
          <a:off x="171451" y="466725"/>
          <a:ext cx="2438399" cy="2667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defRPr sz="1000"/>
          </a:pPr>
          <a:r>
            <a:rPr lang="en-US" altLang="ja-JP" sz="1400" b="1" i="0" u="dbl" strike="noStrike" baseline="0">
              <a:solidFill>
                <a:srgbClr val="000000"/>
              </a:solidFill>
              <a:latin typeface="Meiryo UI" panose="020B0604030504040204" pitchFamily="50" charset="-128"/>
              <a:ea typeface="Meiryo UI" panose="020B0604030504040204" pitchFamily="50" charset="-128"/>
            </a:rPr>
            <a:t>GIGA</a:t>
          </a:r>
          <a:r>
            <a:rPr lang="ja-JP" altLang="en-US" sz="1400" b="1" i="0" u="dbl" strike="noStrike" baseline="0">
              <a:solidFill>
                <a:srgbClr val="000000"/>
              </a:solidFill>
              <a:latin typeface="Meiryo UI" panose="020B0604030504040204" pitchFamily="50" charset="-128"/>
              <a:ea typeface="Meiryo UI" panose="020B0604030504040204" pitchFamily="50" charset="-128"/>
            </a:rPr>
            <a:t>スクール修理受付窓口</a:t>
          </a:r>
          <a:endParaRPr lang="ja-JP" altLang="en-US" sz="1400" b="1" i="0" u="none" strike="noStrike" baseline="0">
            <a:solidFill>
              <a:srgbClr val="000000"/>
            </a:solidFill>
            <a:latin typeface="Meiryo UI" panose="020B0604030504040204" pitchFamily="50" charset="-128"/>
            <a:ea typeface="Meiryo UI" panose="020B0604030504040204" pitchFamily="50" charset="-128"/>
          </a:endParaRPr>
        </a:p>
      </xdr:txBody>
    </xdr:sp>
    <xdr:clientData/>
  </xdr:twoCellAnchor>
  <xdr:twoCellAnchor>
    <xdr:from>
      <xdr:col>17</xdr:col>
      <xdr:colOff>66675</xdr:colOff>
      <xdr:row>2</xdr:row>
      <xdr:rowOff>9525</xdr:rowOff>
    </xdr:from>
    <xdr:to>
      <xdr:col>20</xdr:col>
      <xdr:colOff>9525</xdr:colOff>
      <xdr:row>3</xdr:row>
      <xdr:rowOff>0</xdr:rowOff>
    </xdr:to>
    <xdr:sp macro="" textlink="">
      <xdr:nvSpPr>
        <xdr:cNvPr id="7" name="Rectangle 15">
          <a:extLst>
            <a:ext uri="{FF2B5EF4-FFF2-40B4-BE49-F238E27FC236}">
              <a16:creationId xmlns:a16="http://schemas.microsoft.com/office/drawing/2014/main" id="{00000000-0008-0000-0200-000007000000}"/>
            </a:ext>
          </a:extLst>
        </xdr:cNvPr>
        <xdr:cNvSpPr>
          <a:spLocks noChangeArrowheads="1"/>
        </xdr:cNvSpPr>
      </xdr:nvSpPr>
      <xdr:spPr bwMode="auto">
        <a:xfrm>
          <a:off x="3362325" y="20955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住所</a:t>
          </a:r>
        </a:p>
      </xdr:txBody>
    </xdr:sp>
    <xdr:clientData/>
  </xdr:twoCellAnchor>
  <xdr:twoCellAnchor>
    <xdr:from>
      <xdr:col>17</xdr:col>
      <xdr:colOff>38100</xdr:colOff>
      <xdr:row>4</xdr:row>
      <xdr:rowOff>9525</xdr:rowOff>
    </xdr:from>
    <xdr:to>
      <xdr:col>19</xdr:col>
      <xdr:colOff>180975</xdr:colOff>
      <xdr:row>5</xdr:row>
      <xdr:rowOff>0</xdr:rowOff>
    </xdr:to>
    <xdr:sp macro="" textlink="">
      <xdr:nvSpPr>
        <xdr:cNvPr id="8" name="Rectangle 16">
          <a:extLst>
            <a:ext uri="{FF2B5EF4-FFF2-40B4-BE49-F238E27FC236}">
              <a16:creationId xmlns:a16="http://schemas.microsoft.com/office/drawing/2014/main" id="{00000000-0008-0000-0200-000008000000}"/>
            </a:ext>
          </a:extLst>
        </xdr:cNvPr>
        <xdr:cNvSpPr>
          <a:spLocks noChangeArrowheads="1"/>
        </xdr:cNvSpPr>
      </xdr:nvSpPr>
      <xdr:spPr bwMode="auto">
        <a:xfrm>
          <a:off x="3333750" y="64770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会社名</a:t>
          </a:r>
        </a:p>
      </xdr:txBody>
    </xdr:sp>
    <xdr:clientData/>
  </xdr:twoCellAnchor>
  <xdr:twoCellAnchor>
    <xdr:from>
      <xdr:col>19</xdr:col>
      <xdr:colOff>123825</xdr:colOff>
      <xdr:row>2</xdr:row>
      <xdr:rowOff>228600</xdr:rowOff>
    </xdr:from>
    <xdr:to>
      <xdr:col>19</xdr:col>
      <xdr:colOff>123825</xdr:colOff>
      <xdr:row>2</xdr:row>
      <xdr:rowOff>228600</xdr:rowOff>
    </xdr:to>
    <xdr:sp macro="" textlink="">
      <xdr:nvSpPr>
        <xdr:cNvPr id="9" name="Line 18">
          <a:extLst>
            <a:ext uri="{FF2B5EF4-FFF2-40B4-BE49-F238E27FC236}">
              <a16:creationId xmlns:a16="http://schemas.microsoft.com/office/drawing/2014/main" id="{00000000-0008-0000-0200-000009000000}"/>
            </a:ext>
          </a:extLst>
        </xdr:cNvPr>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8100</xdr:colOff>
      <xdr:row>5</xdr:row>
      <xdr:rowOff>19050</xdr:rowOff>
    </xdr:from>
    <xdr:to>
      <xdr:col>22</xdr:col>
      <xdr:colOff>171450</xdr:colOff>
      <xdr:row>6</xdr:row>
      <xdr:rowOff>9525</xdr:rowOff>
    </xdr:to>
    <xdr:sp macro="" textlink="">
      <xdr:nvSpPr>
        <xdr:cNvPr id="10" name="Rectangle 19">
          <a:extLst>
            <a:ext uri="{FF2B5EF4-FFF2-40B4-BE49-F238E27FC236}">
              <a16:creationId xmlns:a16="http://schemas.microsoft.com/office/drawing/2014/main" id="{00000000-0008-0000-0200-00000A000000}"/>
            </a:ext>
          </a:extLst>
        </xdr:cNvPr>
        <xdr:cNvSpPr>
          <a:spLocks noChangeArrowheads="1"/>
        </xdr:cNvSpPr>
      </xdr:nvSpPr>
      <xdr:spPr bwMode="auto">
        <a:xfrm>
          <a:off x="3333750" y="904875"/>
          <a:ext cx="113347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所属・ご担当者名</a:t>
          </a:r>
        </a:p>
      </xdr:txBody>
    </xdr:sp>
    <xdr:clientData/>
  </xdr:twoCellAnchor>
  <xdr:twoCellAnchor>
    <xdr:from>
      <xdr:col>6</xdr:col>
      <xdr:colOff>130175</xdr:colOff>
      <xdr:row>35</xdr:row>
      <xdr:rowOff>228601</xdr:rowOff>
    </xdr:from>
    <xdr:to>
      <xdr:col>17</xdr:col>
      <xdr:colOff>130175</xdr:colOff>
      <xdr:row>37</xdr:row>
      <xdr:rowOff>76201</xdr:rowOff>
    </xdr:to>
    <xdr:sp macro="" textlink="">
      <xdr:nvSpPr>
        <xdr:cNvPr id="11" name="Text Box 28">
          <a:extLst>
            <a:ext uri="{FF2B5EF4-FFF2-40B4-BE49-F238E27FC236}">
              <a16:creationId xmlns:a16="http://schemas.microsoft.com/office/drawing/2014/main" id="{00000000-0008-0000-0200-00000B000000}"/>
            </a:ext>
          </a:extLst>
        </xdr:cNvPr>
        <xdr:cNvSpPr txBox="1">
          <a:spLocks noChangeArrowheads="1"/>
        </xdr:cNvSpPr>
      </xdr:nvSpPr>
      <xdr:spPr bwMode="auto">
        <a:xfrm>
          <a:off x="1225550" y="7553326"/>
          <a:ext cx="2200275"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6</xdr:row>
      <xdr:rowOff>0</xdr:rowOff>
    </xdr:from>
    <xdr:to>
      <xdr:col>6</xdr:col>
      <xdr:colOff>76200</xdr:colOff>
      <xdr:row>36</xdr:row>
      <xdr:rowOff>66675</xdr:rowOff>
    </xdr:to>
    <xdr:sp macro="" textlink="">
      <xdr:nvSpPr>
        <xdr:cNvPr id="12" name="Line 30">
          <a:extLst>
            <a:ext uri="{FF2B5EF4-FFF2-40B4-BE49-F238E27FC236}">
              <a16:creationId xmlns:a16="http://schemas.microsoft.com/office/drawing/2014/main" id="{00000000-0008-0000-0200-00000C000000}"/>
            </a:ext>
          </a:extLst>
        </xdr:cNvPr>
        <xdr:cNvSpPr>
          <a:spLocks noChangeShapeType="1"/>
        </xdr:cNvSpPr>
      </xdr:nvSpPr>
      <xdr:spPr bwMode="auto">
        <a:xfrm flipV="1">
          <a:off x="1171575" y="811530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57151</xdr:colOff>
      <xdr:row>12</xdr:row>
      <xdr:rowOff>238124</xdr:rowOff>
    </xdr:from>
    <xdr:to>
      <xdr:col>29</xdr:col>
      <xdr:colOff>180976</xdr:colOff>
      <xdr:row>14</xdr:row>
      <xdr:rowOff>9524</xdr:rowOff>
    </xdr:to>
    <xdr:sp macro="" textlink="">
      <xdr:nvSpPr>
        <xdr:cNvPr id="13" name="Text Box 31">
          <a:extLst>
            <a:ext uri="{FF2B5EF4-FFF2-40B4-BE49-F238E27FC236}">
              <a16:creationId xmlns:a16="http://schemas.microsoft.com/office/drawing/2014/main" id="{00000000-0008-0000-0200-00000D000000}"/>
            </a:ext>
          </a:extLst>
        </xdr:cNvPr>
        <xdr:cNvSpPr txBox="1">
          <a:spLocks noChangeArrowheads="1"/>
        </xdr:cNvSpPr>
      </xdr:nvSpPr>
      <xdr:spPr bwMode="auto">
        <a:xfrm>
          <a:off x="1552576" y="2409824"/>
          <a:ext cx="4324350"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集荷時間帯を選択してください（集荷時間帯の選択が無い場合は、指定なしとさせていただきます。）</a:t>
          </a:r>
        </a:p>
      </xdr:txBody>
    </xdr:sp>
    <xdr:clientData/>
  </xdr:twoCellAnchor>
  <xdr:twoCellAnchor>
    <xdr:from>
      <xdr:col>8</xdr:col>
      <xdr:colOff>9525</xdr:colOff>
      <xdr:row>13</xdr:row>
      <xdr:rowOff>0</xdr:rowOff>
    </xdr:from>
    <xdr:to>
      <xdr:col>8</xdr:col>
      <xdr:colOff>9525</xdr:colOff>
      <xdr:row>13</xdr:row>
      <xdr:rowOff>66675</xdr:rowOff>
    </xdr:to>
    <xdr:sp macro="" textlink="">
      <xdr:nvSpPr>
        <xdr:cNvPr id="14" name="Line 33">
          <a:extLst>
            <a:ext uri="{FF2B5EF4-FFF2-40B4-BE49-F238E27FC236}">
              <a16:creationId xmlns:a16="http://schemas.microsoft.com/office/drawing/2014/main" id="{00000000-0008-0000-0200-00000E000000}"/>
            </a:ext>
          </a:extLst>
        </xdr:cNvPr>
        <xdr:cNvSpPr>
          <a:spLocks noChangeShapeType="1"/>
        </xdr:cNvSpPr>
      </xdr:nvSpPr>
      <xdr:spPr bwMode="auto">
        <a:xfrm flipV="1">
          <a:off x="1504950" y="241935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19051</xdr:colOff>
      <xdr:row>4</xdr:row>
      <xdr:rowOff>85726</xdr:rowOff>
    </xdr:from>
    <xdr:to>
      <xdr:col>14</xdr:col>
      <xdr:colOff>142876</xdr:colOff>
      <xdr:row>6</xdr:row>
      <xdr:rowOff>47626</xdr:rowOff>
    </xdr:to>
    <xdr:sp macro="" textlink="">
      <xdr:nvSpPr>
        <xdr:cNvPr id="15" name="Rectangle 14">
          <a:extLst>
            <a:ext uri="{FF2B5EF4-FFF2-40B4-BE49-F238E27FC236}">
              <a16:creationId xmlns:a16="http://schemas.microsoft.com/office/drawing/2014/main" id="{00000000-0008-0000-0200-00000F000000}"/>
            </a:ext>
          </a:extLst>
        </xdr:cNvPr>
        <xdr:cNvSpPr>
          <a:spLocks noChangeArrowheads="1"/>
        </xdr:cNvSpPr>
      </xdr:nvSpPr>
      <xdr:spPr bwMode="auto">
        <a:xfrm>
          <a:off x="114301" y="723901"/>
          <a:ext cx="2724150" cy="4572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18288" rIns="0" bIns="0" anchor="t" upright="1"/>
        <a:lstStyle/>
        <a:p>
          <a:pPr algn="l" rtl="0">
            <a:defRPr sz="1000"/>
          </a:pPr>
          <a:r>
            <a:rPr lang="en-US" altLang="ja-JP" sz="1000" b="1">
              <a:effectLst/>
              <a:latin typeface="+mn-lt"/>
              <a:ea typeface="+mn-ea"/>
              <a:cs typeface="+mn-cs"/>
            </a:rPr>
            <a:t>e-mai</a:t>
          </a:r>
          <a:r>
            <a:rPr lang="en-US" altLang="ja-JP" sz="1000">
              <a:effectLst/>
              <a:latin typeface="+mn-lt"/>
              <a:ea typeface="+mn-ea"/>
              <a:cs typeface="+mn-cs"/>
            </a:rPr>
            <a:t>l</a:t>
          </a:r>
        </a:p>
        <a:p>
          <a:pPr algn="l" rtl="0">
            <a:lnSpc>
              <a:spcPts val="1200"/>
            </a:lnSpc>
            <a:defRPr sz="1000"/>
          </a:pPr>
          <a:r>
            <a:rPr lang="en-US" altLang="ja-JP" sz="1000" b="0" i="0" u="none" strike="noStrike" baseline="0">
              <a:solidFill>
                <a:srgbClr val="000000"/>
              </a:solidFill>
              <a:latin typeface="Meiryo UI" panose="020B0604030504040204" pitchFamily="50" charset="-128"/>
              <a:ea typeface="Meiryo UI" panose="020B0604030504040204" pitchFamily="50" charset="-128"/>
            </a:rPr>
            <a:t>DBI-GIGA-FRONT@group.dynabook.com</a:t>
          </a:r>
        </a:p>
      </xdr:txBody>
    </xdr:sp>
    <xdr:clientData/>
  </xdr:twoCellAnchor>
  <xdr:twoCellAnchor>
    <xdr:from>
      <xdr:col>1</xdr:col>
      <xdr:colOff>0</xdr:colOff>
      <xdr:row>7</xdr:row>
      <xdr:rowOff>619125</xdr:rowOff>
    </xdr:from>
    <xdr:to>
      <xdr:col>38</xdr:col>
      <xdr:colOff>323850</xdr:colOff>
      <xdr:row>9</xdr:row>
      <xdr:rowOff>266700</xdr:rowOff>
    </xdr:to>
    <xdr:sp macro="" textlink="">
      <xdr:nvSpPr>
        <xdr:cNvPr id="16" name="Text Box 2">
          <a:extLst>
            <a:ext uri="{FF2B5EF4-FFF2-40B4-BE49-F238E27FC236}">
              <a16:creationId xmlns:a16="http://schemas.microsoft.com/office/drawing/2014/main" id="{00000000-0008-0000-0200-000010000000}"/>
            </a:ext>
          </a:extLst>
        </xdr:cNvPr>
        <xdr:cNvSpPr txBox="1">
          <a:spLocks noChangeArrowheads="1"/>
        </xdr:cNvSpPr>
      </xdr:nvSpPr>
      <xdr:spPr bwMode="auto">
        <a:xfrm>
          <a:off x="95250" y="1619250"/>
          <a:ext cx="7724775" cy="266700"/>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2</xdr:row>
          <xdr:rowOff>0</xdr:rowOff>
        </xdr:from>
        <xdr:to>
          <xdr:col>10</xdr:col>
          <xdr:colOff>133350</xdr:colOff>
          <xdr:row>13</xdr:row>
          <xdr:rowOff>0</xdr:rowOff>
        </xdr:to>
        <xdr:sp macro="" textlink="">
          <xdr:nvSpPr>
            <xdr:cNvPr id="2049" name="Option Button 1" hidden="1">
              <a:extLst>
                <a:ext uri="{63B3BB69-23CF-44E3-9099-C40C66FF867C}">
                  <a14:compatExt spid="_x0000_s2049"/>
                </a:ext>
                <a:ext uri="{FF2B5EF4-FFF2-40B4-BE49-F238E27FC236}">
                  <a16:creationId xmlns:a16="http://schemas.microsoft.com/office/drawing/2014/main" id="{00000000-0008-0000-02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2</xdr:row>
          <xdr:rowOff>0</xdr:rowOff>
        </xdr:from>
        <xdr:to>
          <xdr:col>17</xdr:col>
          <xdr:colOff>88900</xdr:colOff>
          <xdr:row>13</xdr:row>
          <xdr:rowOff>0</xdr:rowOff>
        </xdr:to>
        <xdr:sp macro="" textlink="">
          <xdr:nvSpPr>
            <xdr:cNvPr id="2050" name="Option Button 2" hidden="1">
              <a:extLst>
                <a:ext uri="{63B3BB69-23CF-44E3-9099-C40C66FF867C}">
                  <a14:compatExt spid="_x0000_s2050"/>
                </a:ext>
                <a:ext uri="{FF2B5EF4-FFF2-40B4-BE49-F238E27FC236}">
                  <a16:creationId xmlns:a16="http://schemas.microsoft.com/office/drawing/2014/main" id="{00000000-0008-0000-02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2</xdr:row>
          <xdr:rowOff>0</xdr:rowOff>
        </xdr:from>
        <xdr:to>
          <xdr:col>24</xdr:col>
          <xdr:colOff>107950</xdr:colOff>
          <xdr:row>13</xdr:row>
          <xdr:rowOff>0</xdr:rowOff>
        </xdr:to>
        <xdr:sp macro="" textlink="">
          <xdr:nvSpPr>
            <xdr:cNvPr id="2051" name="Option Button 3" hidden="1">
              <a:extLst>
                <a:ext uri="{63B3BB69-23CF-44E3-9099-C40C66FF867C}">
                  <a14:compatExt spid="_x0000_s2051"/>
                </a:ext>
                <a:ext uri="{FF2B5EF4-FFF2-40B4-BE49-F238E27FC236}">
                  <a16:creationId xmlns:a16="http://schemas.microsoft.com/office/drawing/2014/main" id="{00000000-0008-0000-02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69850</xdr:colOff>
          <xdr:row>12</xdr:row>
          <xdr:rowOff>0</xdr:rowOff>
        </xdr:from>
        <xdr:to>
          <xdr:col>31</xdr:col>
          <xdr:colOff>107950</xdr:colOff>
          <xdr:row>13</xdr:row>
          <xdr:rowOff>0</xdr:rowOff>
        </xdr:to>
        <xdr:sp macro="" textlink="">
          <xdr:nvSpPr>
            <xdr:cNvPr id="2052" name="Option Button 4" hidden="1">
              <a:extLst>
                <a:ext uri="{63B3BB69-23CF-44E3-9099-C40C66FF867C}">
                  <a14:compatExt spid="_x0000_s2052"/>
                </a:ext>
                <a:ext uri="{FF2B5EF4-FFF2-40B4-BE49-F238E27FC236}">
                  <a16:creationId xmlns:a16="http://schemas.microsoft.com/office/drawing/2014/main" id="{00000000-0008-0000-02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6050</xdr:colOff>
          <xdr:row>12</xdr:row>
          <xdr:rowOff>12700</xdr:rowOff>
        </xdr:from>
        <xdr:to>
          <xdr:col>38</xdr:col>
          <xdr:colOff>190500</xdr:colOff>
          <xdr:row>13</xdr:row>
          <xdr:rowOff>12700</xdr:rowOff>
        </xdr:to>
        <xdr:sp macro="" textlink="">
          <xdr:nvSpPr>
            <xdr:cNvPr id="2053" name="Option Button 5" hidden="1">
              <a:extLst>
                <a:ext uri="{63B3BB69-23CF-44E3-9099-C40C66FF867C}">
                  <a14:compatExt spid="_x0000_s2053"/>
                </a:ext>
                <a:ext uri="{FF2B5EF4-FFF2-40B4-BE49-F238E27FC236}">
                  <a16:creationId xmlns:a16="http://schemas.microsoft.com/office/drawing/2014/main" id="{00000000-0008-0000-02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xdr:row>
          <xdr:rowOff>12700</xdr:rowOff>
        </xdr:from>
        <xdr:to>
          <xdr:col>24</xdr:col>
          <xdr:colOff>0</xdr:colOff>
          <xdr:row>11</xdr:row>
          <xdr:rowOff>0</xdr:rowOff>
        </xdr:to>
        <xdr:sp macro="" textlink="">
          <xdr:nvSpPr>
            <xdr:cNvPr id="2054" name="Option Button 6" hidden="1">
              <a:extLst>
                <a:ext uri="{63B3BB69-23CF-44E3-9099-C40C66FF867C}">
                  <a14:compatExt spid="_x0000_s2054"/>
                </a:ext>
                <a:ext uri="{FF2B5EF4-FFF2-40B4-BE49-F238E27FC236}">
                  <a16:creationId xmlns:a16="http://schemas.microsoft.com/office/drawing/2014/main" id="{00000000-0008-0000-0200-00000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4150</xdr:colOff>
          <xdr:row>9</xdr:row>
          <xdr:rowOff>12700</xdr:rowOff>
        </xdr:from>
        <xdr:to>
          <xdr:col>25</xdr:col>
          <xdr:colOff>184150</xdr:colOff>
          <xdr:row>11</xdr:row>
          <xdr:rowOff>0</xdr:rowOff>
        </xdr:to>
        <xdr:sp macro="" textlink="">
          <xdr:nvSpPr>
            <xdr:cNvPr id="2055" name="Option Button 7" hidden="1">
              <a:extLst>
                <a:ext uri="{63B3BB69-23CF-44E3-9099-C40C66FF867C}">
                  <a14:compatExt spid="_x0000_s2055"/>
                </a:ext>
                <a:ext uri="{FF2B5EF4-FFF2-40B4-BE49-F238E27FC236}">
                  <a16:creationId xmlns:a16="http://schemas.microsoft.com/office/drawing/2014/main" id="{00000000-0008-0000-02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7</xdr:row>
          <xdr:rowOff>590550</xdr:rowOff>
        </xdr:from>
        <xdr:to>
          <xdr:col>28</xdr:col>
          <xdr:colOff>76200</xdr:colOff>
          <xdr:row>9</xdr:row>
          <xdr:rowOff>107950</xdr:rowOff>
        </xdr:to>
        <xdr:sp macro="" textlink="">
          <xdr:nvSpPr>
            <xdr:cNvPr id="2056" name="Group Box 8" descr="グループ19&#10;" hidden="1">
              <a:extLst>
                <a:ext uri="{63B3BB69-23CF-44E3-9099-C40C66FF867C}">
                  <a14:compatExt spid="_x0000_s2056"/>
                </a:ext>
                <a:ext uri="{FF2B5EF4-FFF2-40B4-BE49-F238E27FC236}">
                  <a16:creationId xmlns:a16="http://schemas.microsoft.com/office/drawing/2014/main" id="{00000000-0008-0000-0200-000008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31750</xdr:colOff>
          <xdr:row>11</xdr:row>
          <xdr:rowOff>203200</xdr:rowOff>
        </xdr:from>
        <xdr:to>
          <xdr:col>40</xdr:col>
          <xdr:colOff>12700</xdr:colOff>
          <xdr:row>13</xdr:row>
          <xdr:rowOff>127000</xdr:rowOff>
        </xdr:to>
        <xdr:sp macro="" textlink="">
          <xdr:nvSpPr>
            <xdr:cNvPr id="2057" name="Group Box 9" hidden="1">
              <a:extLst>
                <a:ext uri="{63B3BB69-23CF-44E3-9099-C40C66FF867C}">
                  <a14:compatExt spid="_x0000_s2057"/>
                </a:ext>
                <a:ext uri="{FF2B5EF4-FFF2-40B4-BE49-F238E27FC236}">
                  <a16:creationId xmlns:a16="http://schemas.microsoft.com/office/drawing/2014/main" id="{00000000-0008-0000-0200-000009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750</xdr:colOff>
          <xdr:row>33</xdr:row>
          <xdr:rowOff>285750</xdr:rowOff>
        </xdr:from>
        <xdr:to>
          <xdr:col>8</xdr:col>
          <xdr:colOff>152400</xdr:colOff>
          <xdr:row>35</xdr:row>
          <xdr:rowOff>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200-00000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0</xdr:colOff>
          <xdr:row>33</xdr:row>
          <xdr:rowOff>285750</xdr:rowOff>
        </xdr:from>
        <xdr:to>
          <xdr:col>15</xdr:col>
          <xdr:colOff>12700</xdr:colOff>
          <xdr:row>35</xdr:row>
          <xdr:rowOff>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200-00000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57150</xdr:colOff>
          <xdr:row>34</xdr:row>
          <xdr:rowOff>0</xdr:rowOff>
        </xdr:from>
        <xdr:to>
          <xdr:col>22</xdr:col>
          <xdr:colOff>146050</xdr:colOff>
          <xdr:row>35</xdr:row>
          <xdr:rowOff>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200-00000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3.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57150</xdr:colOff>
          <xdr:row>34</xdr:row>
          <xdr:rowOff>0</xdr:rowOff>
        </xdr:from>
        <xdr:to>
          <xdr:col>29</xdr:col>
          <xdr:colOff>146050</xdr:colOff>
          <xdr:row>35</xdr:row>
          <xdr:rowOff>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200-00000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4.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4</xdr:row>
          <xdr:rowOff>0</xdr:rowOff>
        </xdr:from>
        <xdr:to>
          <xdr:col>37</xdr:col>
          <xdr:colOff>88900</xdr:colOff>
          <xdr:row>35</xdr:row>
          <xdr:rowOff>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200-00000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8100</xdr:colOff>
          <xdr:row>34</xdr:row>
          <xdr:rowOff>228600</xdr:rowOff>
        </xdr:from>
        <xdr:to>
          <xdr:col>9</xdr:col>
          <xdr:colOff>57150</xdr:colOff>
          <xdr:row>35</xdr:row>
          <xdr:rowOff>22860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200-00000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1750</xdr:colOff>
          <xdr:row>35</xdr:row>
          <xdr:rowOff>0</xdr:rowOff>
        </xdr:from>
        <xdr:to>
          <xdr:col>24</xdr:col>
          <xdr:colOff>114300</xdr:colOff>
          <xdr:row>36</xdr:row>
          <xdr:rowOff>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200-00001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xdr:twoCellAnchor>
    <xdr:from>
      <xdr:col>3</xdr:col>
      <xdr:colOff>0</xdr:colOff>
      <xdr:row>13</xdr:row>
      <xdr:rowOff>133350</xdr:rowOff>
    </xdr:from>
    <xdr:to>
      <xdr:col>4</xdr:col>
      <xdr:colOff>171450</xdr:colOff>
      <xdr:row>15</xdr:row>
      <xdr:rowOff>19050</xdr:rowOff>
    </xdr:to>
    <xdr:sp macro="" textlink="">
      <xdr:nvSpPr>
        <xdr:cNvPr id="33" name="楕円 32">
          <a:extLst>
            <a:ext uri="{FF2B5EF4-FFF2-40B4-BE49-F238E27FC236}">
              <a16:creationId xmlns:a16="http://schemas.microsoft.com/office/drawing/2014/main" id="{00000000-0008-0000-0200-000021000000}"/>
            </a:ext>
          </a:extLst>
        </xdr:cNvPr>
        <xdr:cNvSpPr/>
      </xdr:nvSpPr>
      <xdr:spPr>
        <a:xfrm>
          <a:off x="495300" y="2552700"/>
          <a:ext cx="371475" cy="276225"/>
        </a:xfrm>
        <a:prstGeom prst="ellipse">
          <a:avLst/>
        </a:prstGeom>
        <a:noFill/>
        <a:ln w="285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1</xdr:colOff>
      <xdr:row>5</xdr:row>
      <xdr:rowOff>142876</xdr:rowOff>
    </xdr:from>
    <xdr:to>
      <xdr:col>14</xdr:col>
      <xdr:colOff>158751</xdr:colOff>
      <xdr:row>7</xdr:row>
      <xdr:rowOff>28576</xdr:rowOff>
    </xdr:to>
    <xdr:sp macro="" textlink="">
      <xdr:nvSpPr>
        <xdr:cNvPr id="34" name="Rectangle 13">
          <a:extLst>
            <a:ext uri="{FF2B5EF4-FFF2-40B4-BE49-F238E27FC236}">
              <a16:creationId xmlns:a16="http://schemas.microsoft.com/office/drawing/2014/main" id="{00000000-0008-0000-0200-000022000000}"/>
            </a:ext>
          </a:extLst>
        </xdr:cNvPr>
        <xdr:cNvSpPr>
          <a:spLocks noChangeArrowheads="1"/>
        </xdr:cNvSpPr>
      </xdr:nvSpPr>
      <xdr:spPr bwMode="auto">
        <a:xfrm>
          <a:off x="171451" y="1047751"/>
          <a:ext cx="2682875" cy="40005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TEL:0120-86-9192</a:t>
          </a:r>
        </a:p>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FAX:043-278-2941</a:t>
          </a:r>
        </a:p>
        <a:p>
          <a:pPr algn="l" rtl="0">
            <a:lnSpc>
              <a:spcPts val="1200"/>
            </a:lnSpc>
            <a:defRPr sz="1000"/>
          </a:pPr>
          <a:endParaRPr lang="en-US" altLang="ja-JP" sz="1000" b="1" i="0" u="sng" strike="noStrike" baseline="0">
            <a:solidFill>
              <a:srgbClr val="000000"/>
            </a:solidFill>
            <a:latin typeface="Meiryo UI" panose="020B0604030504040204" pitchFamily="50" charset="-128"/>
            <a:ea typeface="Meiryo UI" panose="020B0604030504040204" pitchFamily="50" charset="-128"/>
          </a:endParaRPr>
        </a:p>
        <a:p>
          <a:pPr algn="l" rtl="0">
            <a:lnSpc>
              <a:spcPts val="1200"/>
            </a:lnSpc>
            <a:defRPr sz="1000"/>
          </a:pPr>
          <a:endParaRPr lang="en-US" altLang="ja-JP" sz="1100" b="0" i="0" u="none" strike="noStrike" baseline="0">
            <a:solidFill>
              <a:srgbClr val="000000"/>
            </a:solidFill>
            <a:latin typeface="HGP創英角ｺﾞｼｯｸUB"/>
            <a:ea typeface="HGP創英角ｺﾞｼｯｸUB"/>
          </a:endParaRPr>
        </a:p>
      </xdr:txBody>
    </xdr:sp>
    <xdr:clientData/>
  </xdr:twoCellAnchor>
  <xdr:twoCellAnchor editAs="oneCell">
    <xdr:from>
      <xdr:col>8</xdr:col>
      <xdr:colOff>171450</xdr:colOff>
      <xdr:row>20</xdr:row>
      <xdr:rowOff>190500</xdr:rowOff>
    </xdr:from>
    <xdr:to>
      <xdr:col>10</xdr:col>
      <xdr:colOff>173771</xdr:colOff>
      <xdr:row>22</xdr:row>
      <xdr:rowOff>26</xdr:rowOff>
    </xdr:to>
    <xdr:pic>
      <xdr:nvPicPr>
        <xdr:cNvPr id="35" name="図 34">
          <a:extLst>
            <a:ext uri="{FF2B5EF4-FFF2-40B4-BE49-F238E27FC236}">
              <a16:creationId xmlns:a16="http://schemas.microsoft.com/office/drawing/2014/main" id="{00000000-0008-0000-0200-000023000000}"/>
            </a:ext>
          </a:extLst>
        </xdr:cNvPr>
        <xdr:cNvPicPr>
          <a:picLocks noChangeAspect="1"/>
        </xdr:cNvPicPr>
      </xdr:nvPicPr>
      <xdr:blipFill>
        <a:blip xmlns:r="http://schemas.openxmlformats.org/officeDocument/2006/relationships" r:embed="rId1"/>
        <a:stretch>
          <a:fillRect/>
        </a:stretch>
      </xdr:blipFill>
      <xdr:spPr>
        <a:xfrm>
          <a:off x="1666875" y="3962400"/>
          <a:ext cx="402371" cy="304826"/>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xdr:col>
          <xdr:colOff>146050</xdr:colOff>
          <xdr:row>48</xdr:row>
          <xdr:rowOff>12700</xdr:rowOff>
        </xdr:from>
        <xdr:to>
          <xdr:col>38</xdr:col>
          <xdr:colOff>228600</xdr:colOff>
          <xdr:row>50</xdr:row>
          <xdr:rowOff>127000</xdr:rowOff>
        </xdr:to>
        <xdr:sp macro="" textlink="">
          <xdr:nvSpPr>
            <xdr:cNvPr id="2067" name="Group Box 19" hidden="1">
              <a:extLst>
                <a:ext uri="{63B3BB69-23CF-44E3-9099-C40C66FF867C}">
                  <a14:compatExt spid="_x0000_s2067"/>
                </a:ext>
                <a:ext uri="{FF2B5EF4-FFF2-40B4-BE49-F238E27FC236}">
                  <a16:creationId xmlns:a16="http://schemas.microsoft.com/office/drawing/2014/main" id="{00000000-0008-0000-0200-000013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47</xdr:row>
          <xdr:rowOff>57150</xdr:rowOff>
        </xdr:from>
        <xdr:to>
          <xdr:col>41</xdr:col>
          <xdr:colOff>50800</xdr:colOff>
          <xdr:row>50</xdr:row>
          <xdr:rowOff>171450</xdr:rowOff>
        </xdr:to>
        <xdr:sp macro="" textlink="">
          <xdr:nvSpPr>
            <xdr:cNvPr id="2069" name="Group Box 21" hidden="1">
              <a:extLst>
                <a:ext uri="{63B3BB69-23CF-44E3-9099-C40C66FF867C}">
                  <a14:compatExt spid="_x0000_s2069"/>
                </a:ext>
                <a:ext uri="{FF2B5EF4-FFF2-40B4-BE49-F238E27FC236}">
                  <a16:creationId xmlns:a16="http://schemas.microsoft.com/office/drawing/2014/main" id="{00000000-0008-0000-0200-000015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44</xdr:row>
          <xdr:rowOff>12700</xdr:rowOff>
        </xdr:from>
        <xdr:to>
          <xdr:col>38</xdr:col>
          <xdr:colOff>228600</xdr:colOff>
          <xdr:row>46</xdr:row>
          <xdr:rowOff>95250</xdr:rowOff>
        </xdr:to>
        <xdr:sp macro="" textlink="">
          <xdr:nvSpPr>
            <xdr:cNvPr id="2073" name="Group Boxデータ消去" hidden="1">
              <a:extLst>
                <a:ext uri="{63B3BB69-23CF-44E3-9099-C40C66FF867C}">
                  <a14:compatExt spid="_x0000_s2073"/>
                </a:ext>
                <a:ext uri="{FF2B5EF4-FFF2-40B4-BE49-F238E27FC236}">
                  <a16:creationId xmlns:a16="http://schemas.microsoft.com/office/drawing/2014/main" id="{00000000-0008-0000-0200-000019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xdr:from>
          <xdr:col>4</xdr:col>
          <xdr:colOff>47625</xdr:colOff>
          <xdr:row>47</xdr:row>
          <xdr:rowOff>0</xdr:rowOff>
        </xdr:from>
        <xdr:to>
          <xdr:col>22</xdr:col>
          <xdr:colOff>47625</xdr:colOff>
          <xdr:row>48</xdr:row>
          <xdr:rowOff>0</xdr:rowOff>
        </xdr:to>
        <xdr:grpSp>
          <xdr:nvGrpSpPr>
            <xdr:cNvPr id="18" name="グループ化 17">
              <a:extLst>
                <a:ext uri="{FF2B5EF4-FFF2-40B4-BE49-F238E27FC236}">
                  <a16:creationId xmlns:a16="http://schemas.microsoft.com/office/drawing/2014/main" id="{EF880D70-0CD7-413B-821A-43EEAD4D5F5A}"/>
                </a:ext>
              </a:extLst>
            </xdr:cNvPr>
            <xdr:cNvGrpSpPr/>
          </xdr:nvGrpSpPr>
          <xdr:grpSpPr>
            <a:xfrm>
              <a:off x="739775" y="9820275"/>
              <a:ext cx="3600450" cy="314325"/>
              <a:chOff x="746129" y="10887075"/>
              <a:chExt cx="3594100" cy="314325"/>
            </a:xfrm>
          </xdr:grpSpPr>
          <xdr:sp macro="" textlink="">
            <xdr:nvSpPr>
              <xdr:cNvPr id="2074" name="OptionButton1" hidden="1">
                <a:extLst>
                  <a:ext uri="{63B3BB69-23CF-44E3-9099-C40C66FF867C}">
                    <a14:compatExt spid="_x0000_s2074"/>
                  </a:ext>
                  <a:ext uri="{FF2B5EF4-FFF2-40B4-BE49-F238E27FC236}">
                    <a16:creationId xmlns:a16="http://schemas.microsoft.com/office/drawing/2014/main" id="{00000000-0008-0000-0200-00001A080000}"/>
                  </a:ext>
                </a:extLst>
              </xdr:cNvPr>
              <xdr:cNvSpPr/>
            </xdr:nvSpPr>
            <xdr:spPr bwMode="auto">
              <a:xfrm>
                <a:off x="746129" y="10887075"/>
                <a:ext cx="2476501" cy="304800"/>
              </a:xfrm>
              <a:prstGeom prst="rect">
                <a:avLst/>
              </a:prstGeom>
              <a:noFill/>
              <a:ln>
                <a:noFill/>
              </a:ln>
              <a:extLst>
                <a:ext uri="{91240B29-F687-4F45-9708-019B960494DF}">
                  <a14:hiddenLine w="9525">
                    <a:noFill/>
                    <a:miter lim="800000"/>
                    <a:headEnd/>
                    <a:tailEnd/>
                  </a14:hiddenLine>
                </a:ext>
              </a:extLst>
            </xdr:spPr>
          </xdr:sp>
          <xdr:sp macro="" textlink="">
            <xdr:nvSpPr>
              <xdr:cNvPr id="2075" name="OptionButton2" hidden="1">
                <a:extLst>
                  <a:ext uri="{63B3BB69-23CF-44E3-9099-C40C66FF867C}">
                    <a14:compatExt spid="_x0000_s2075"/>
                  </a:ext>
                  <a:ext uri="{FF2B5EF4-FFF2-40B4-BE49-F238E27FC236}">
                    <a16:creationId xmlns:a16="http://schemas.microsoft.com/office/drawing/2014/main" id="{00000000-0008-0000-0200-00001B080000}"/>
                  </a:ext>
                </a:extLst>
              </xdr:cNvPr>
              <xdr:cNvSpPr/>
            </xdr:nvSpPr>
            <xdr:spPr bwMode="auto">
              <a:xfrm>
                <a:off x="3248025" y="10887075"/>
                <a:ext cx="1092204" cy="314325"/>
              </a:xfrm>
              <a:prstGeom prst="rect">
                <a:avLst/>
              </a:prstGeom>
              <a:noFill/>
              <a:ln>
                <a:noFill/>
              </a:ln>
              <a:extLst>
                <a:ext uri="{91240B29-F687-4F45-9708-019B960494DF}">
                  <a14:hiddenLine w="9525">
                    <a:no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19050</xdr:colOff>
          <xdr:row>44</xdr:row>
          <xdr:rowOff>31750</xdr:rowOff>
        </xdr:from>
        <xdr:to>
          <xdr:col>30</xdr:col>
          <xdr:colOff>31750</xdr:colOff>
          <xdr:row>44</xdr:row>
          <xdr:rowOff>304800</xdr:rowOff>
        </xdr:to>
        <xdr:sp macro="" textlink="">
          <xdr:nvSpPr>
            <xdr:cNvPr id="2076" name="CheckBox1" hidden="1">
              <a:extLst>
                <a:ext uri="{63B3BB69-23CF-44E3-9099-C40C66FF867C}">
                  <a14:compatExt spid="_x0000_s2076"/>
                </a:ext>
                <a:ext uri="{FF2B5EF4-FFF2-40B4-BE49-F238E27FC236}">
                  <a16:creationId xmlns:a16="http://schemas.microsoft.com/office/drawing/2014/main" id="{00000000-0008-0000-0200-00001C0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3</xdr:col>
      <xdr:colOff>38100</xdr:colOff>
      <xdr:row>38</xdr:row>
      <xdr:rowOff>9525</xdr:rowOff>
    </xdr:from>
    <xdr:to>
      <xdr:col>38</xdr:col>
      <xdr:colOff>38100</xdr:colOff>
      <xdr:row>40</xdr:row>
      <xdr:rowOff>0</xdr:rowOff>
    </xdr:to>
    <xdr:sp macro="" textlink="">
      <xdr:nvSpPr>
        <xdr:cNvPr id="19" name="Text Box 4">
          <a:extLst>
            <a:ext uri="{FF2B5EF4-FFF2-40B4-BE49-F238E27FC236}">
              <a16:creationId xmlns:a16="http://schemas.microsoft.com/office/drawing/2014/main" id="{58C7FCFB-97FC-4E4B-9EA0-CFAE1C36F34F}"/>
            </a:ext>
          </a:extLst>
        </xdr:cNvPr>
        <xdr:cNvSpPr txBox="1">
          <a:spLocks noChangeArrowheads="1"/>
        </xdr:cNvSpPr>
      </xdr:nvSpPr>
      <xdr:spPr bwMode="auto">
        <a:xfrm>
          <a:off x="533400" y="7972425"/>
          <a:ext cx="7000875" cy="36195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200"/>
            </a:lnSpc>
            <a:defRPr sz="1000"/>
          </a:pPr>
          <a:r>
            <a:rPr lang="ja-JP" altLang="en-US" sz="1100" b="0" i="0" u="none" strike="noStrike" baseline="0">
              <a:solidFill>
                <a:srgbClr val="000000"/>
              </a:solidFill>
              <a:latin typeface="ＭＳ Ｐゴシック"/>
              <a:ea typeface="ＭＳ Ｐゴシック"/>
            </a:rPr>
            <a:t>　</a:t>
          </a:r>
          <a:r>
            <a:rPr lang="ja-JP" altLang="en-US" sz="1100" b="0" i="0" u="none" strike="noStrike" baseline="0">
              <a:solidFill>
                <a:srgbClr val="FF0000"/>
              </a:solidFill>
              <a:latin typeface="ＭＳ Ｐゴシック"/>
              <a:ea typeface="ＭＳ Ｐゴシック"/>
            </a:rPr>
            <a:t>画面が割れてしまった。キーボードにジュースをこぼしたら文字を打てなくなった。</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ctrlProp" Target="../ctrlProps/ctrlProp3.xml"/><Relationship Id="rId18" Type="http://schemas.openxmlformats.org/officeDocument/2006/relationships/ctrlProp" Target="../ctrlProps/ctrlProp8.xml"/><Relationship Id="rId26" Type="http://schemas.openxmlformats.org/officeDocument/2006/relationships/ctrlProp" Target="../ctrlProps/ctrlProp16.xml"/><Relationship Id="rId3" Type="http://schemas.openxmlformats.org/officeDocument/2006/relationships/drawing" Target="../drawings/drawing1.xml"/><Relationship Id="rId21" Type="http://schemas.openxmlformats.org/officeDocument/2006/relationships/ctrlProp" Target="../ctrlProps/ctrlProp11.xml"/><Relationship Id="rId7" Type="http://schemas.openxmlformats.org/officeDocument/2006/relationships/control" Target="../activeX/activeX2.xml"/><Relationship Id="rId12" Type="http://schemas.openxmlformats.org/officeDocument/2006/relationships/ctrlProp" Target="../ctrlProps/ctrlProp2.xml"/><Relationship Id="rId17" Type="http://schemas.openxmlformats.org/officeDocument/2006/relationships/ctrlProp" Target="../ctrlProps/ctrlProp7.xml"/><Relationship Id="rId25" Type="http://schemas.openxmlformats.org/officeDocument/2006/relationships/ctrlProp" Target="../ctrlProps/ctrlProp15.xml"/><Relationship Id="rId2" Type="http://schemas.openxmlformats.org/officeDocument/2006/relationships/printerSettings" Target="../printerSettings/printerSettings1.bin"/><Relationship Id="rId16" Type="http://schemas.openxmlformats.org/officeDocument/2006/relationships/ctrlProp" Target="../ctrlProps/ctrlProp6.xml"/><Relationship Id="rId20" Type="http://schemas.openxmlformats.org/officeDocument/2006/relationships/ctrlProp" Target="../ctrlProps/ctrlProp10.xml"/><Relationship Id="rId29" Type="http://schemas.openxmlformats.org/officeDocument/2006/relationships/ctrlProp" Target="../ctrlProps/ctrlProp19.xml"/><Relationship Id="rId1" Type="http://schemas.openxmlformats.org/officeDocument/2006/relationships/hyperlink" Target="https://support.google.com/chrome/a/answer/3523633" TargetMode="External"/><Relationship Id="rId6" Type="http://schemas.openxmlformats.org/officeDocument/2006/relationships/image" Target="../media/image1.emf"/><Relationship Id="rId11" Type="http://schemas.openxmlformats.org/officeDocument/2006/relationships/ctrlProp" Target="../ctrlProps/ctrlProp1.xml"/><Relationship Id="rId24" Type="http://schemas.openxmlformats.org/officeDocument/2006/relationships/ctrlProp" Target="../ctrlProps/ctrlProp14.xml"/><Relationship Id="rId5" Type="http://schemas.openxmlformats.org/officeDocument/2006/relationships/control" Target="../activeX/activeX1.xml"/><Relationship Id="rId15" Type="http://schemas.openxmlformats.org/officeDocument/2006/relationships/ctrlProp" Target="../ctrlProps/ctrlProp5.xml"/><Relationship Id="rId23" Type="http://schemas.openxmlformats.org/officeDocument/2006/relationships/ctrlProp" Target="../ctrlProps/ctrlProp13.xml"/><Relationship Id="rId28" Type="http://schemas.openxmlformats.org/officeDocument/2006/relationships/ctrlProp" Target="../ctrlProps/ctrlProp18.xml"/><Relationship Id="rId10" Type="http://schemas.openxmlformats.org/officeDocument/2006/relationships/image" Target="../media/image3.emf"/><Relationship Id="rId19" Type="http://schemas.openxmlformats.org/officeDocument/2006/relationships/ctrlProp" Target="../ctrlProps/ctrlProp9.xml"/><Relationship Id="rId31" Type="http://schemas.openxmlformats.org/officeDocument/2006/relationships/ctrlProp" Target="../ctrlProps/ctrlProp21.xml"/><Relationship Id="rId4" Type="http://schemas.openxmlformats.org/officeDocument/2006/relationships/vmlDrawing" Target="../drawings/vmlDrawing1.vml"/><Relationship Id="rId9" Type="http://schemas.openxmlformats.org/officeDocument/2006/relationships/control" Target="../activeX/activeX3.xml"/><Relationship Id="rId14" Type="http://schemas.openxmlformats.org/officeDocument/2006/relationships/ctrlProp" Target="../ctrlProps/ctrlProp4.xml"/><Relationship Id="rId22" Type="http://schemas.openxmlformats.org/officeDocument/2006/relationships/ctrlProp" Target="../ctrlProps/ctrlProp12.xml"/><Relationship Id="rId27" Type="http://schemas.openxmlformats.org/officeDocument/2006/relationships/ctrlProp" Target="../ctrlProps/ctrlProp17.xml"/><Relationship Id="rId30" Type="http://schemas.openxmlformats.org/officeDocument/2006/relationships/ctrlProp" Target="../ctrlProps/ctrlProp20.xml"/></Relationships>
</file>

<file path=xl/worksheets/_rels/sheet3.xml.rels><?xml version="1.0" encoding="UTF-8" standalone="yes"?>
<Relationships xmlns="http://schemas.openxmlformats.org/package/2006/relationships"><Relationship Id="rId8" Type="http://schemas.openxmlformats.org/officeDocument/2006/relationships/control" Target="../activeX/activeX6.xml"/><Relationship Id="rId13" Type="http://schemas.openxmlformats.org/officeDocument/2006/relationships/ctrlProp" Target="../ctrlProps/ctrlProp25.xml"/><Relationship Id="rId18" Type="http://schemas.openxmlformats.org/officeDocument/2006/relationships/ctrlProp" Target="../ctrlProps/ctrlProp30.xml"/><Relationship Id="rId26" Type="http://schemas.openxmlformats.org/officeDocument/2006/relationships/ctrlProp" Target="../ctrlProps/ctrlProp38.xml"/><Relationship Id="rId3" Type="http://schemas.openxmlformats.org/officeDocument/2006/relationships/vmlDrawing" Target="../drawings/vmlDrawing2.vml"/><Relationship Id="rId21" Type="http://schemas.openxmlformats.org/officeDocument/2006/relationships/ctrlProp" Target="../ctrlProps/ctrlProp33.xml"/><Relationship Id="rId7" Type="http://schemas.openxmlformats.org/officeDocument/2006/relationships/image" Target="../media/image3.emf"/><Relationship Id="rId12" Type="http://schemas.openxmlformats.org/officeDocument/2006/relationships/ctrlProp" Target="../ctrlProps/ctrlProp24.xml"/><Relationship Id="rId17" Type="http://schemas.openxmlformats.org/officeDocument/2006/relationships/ctrlProp" Target="../ctrlProps/ctrlProp29.xml"/><Relationship Id="rId25" Type="http://schemas.openxmlformats.org/officeDocument/2006/relationships/ctrlProp" Target="../ctrlProps/ctrlProp37.xml"/><Relationship Id="rId2" Type="http://schemas.openxmlformats.org/officeDocument/2006/relationships/drawing" Target="../drawings/drawing2.xml"/><Relationship Id="rId16" Type="http://schemas.openxmlformats.org/officeDocument/2006/relationships/ctrlProp" Target="../ctrlProps/ctrlProp28.xml"/><Relationship Id="rId20" Type="http://schemas.openxmlformats.org/officeDocument/2006/relationships/ctrlProp" Target="../ctrlProps/ctrlProp32.xml"/><Relationship Id="rId1" Type="http://schemas.openxmlformats.org/officeDocument/2006/relationships/hyperlink" Target="https://support.google.com/chrome/a/answer/3523633" TargetMode="External"/><Relationship Id="rId6" Type="http://schemas.openxmlformats.org/officeDocument/2006/relationships/control" Target="../activeX/activeX5.xml"/><Relationship Id="rId11" Type="http://schemas.openxmlformats.org/officeDocument/2006/relationships/ctrlProp" Target="../ctrlProps/ctrlProp23.xml"/><Relationship Id="rId24" Type="http://schemas.openxmlformats.org/officeDocument/2006/relationships/ctrlProp" Target="../ctrlProps/ctrlProp36.xml"/><Relationship Id="rId5" Type="http://schemas.openxmlformats.org/officeDocument/2006/relationships/image" Target="../media/image4.emf"/><Relationship Id="rId15" Type="http://schemas.openxmlformats.org/officeDocument/2006/relationships/ctrlProp" Target="../ctrlProps/ctrlProp27.xml"/><Relationship Id="rId23" Type="http://schemas.openxmlformats.org/officeDocument/2006/relationships/ctrlProp" Target="../ctrlProps/ctrlProp35.xml"/><Relationship Id="rId28" Type="http://schemas.openxmlformats.org/officeDocument/2006/relationships/ctrlProp" Target="../ctrlProps/ctrlProp40.xml"/><Relationship Id="rId10" Type="http://schemas.openxmlformats.org/officeDocument/2006/relationships/ctrlProp" Target="../ctrlProps/ctrlProp22.xml"/><Relationship Id="rId19" Type="http://schemas.openxmlformats.org/officeDocument/2006/relationships/ctrlProp" Target="../ctrlProps/ctrlProp31.xml"/><Relationship Id="rId4" Type="http://schemas.openxmlformats.org/officeDocument/2006/relationships/control" Target="../activeX/activeX4.xml"/><Relationship Id="rId9" Type="http://schemas.openxmlformats.org/officeDocument/2006/relationships/image" Target="../media/image5.emf"/><Relationship Id="rId14" Type="http://schemas.openxmlformats.org/officeDocument/2006/relationships/ctrlProp" Target="../ctrlProps/ctrlProp26.xml"/><Relationship Id="rId22" Type="http://schemas.openxmlformats.org/officeDocument/2006/relationships/ctrlProp" Target="../ctrlProps/ctrlProp34.xml"/><Relationship Id="rId27" Type="http://schemas.openxmlformats.org/officeDocument/2006/relationships/ctrlProp" Target="../ctrlProps/ctrlProp39.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N62"/>
  <sheetViews>
    <sheetView showGridLines="0" tabSelected="1" view="pageBreakPreview" zoomScaleNormal="100" zoomScaleSheetLayoutView="100" workbookViewId="0">
      <selection sqref="A1:D1"/>
    </sheetView>
  </sheetViews>
  <sheetFormatPr defaultRowHeight="13" outlineLevelRow="1" x14ac:dyDescent="0.55000000000000004"/>
  <cols>
    <col min="1" max="1" width="1.25" style="2" customWidth="1"/>
    <col min="2" max="38" width="2.58203125" style="2" customWidth="1"/>
    <col min="39" max="39" width="4.5" style="2" customWidth="1"/>
    <col min="40" max="40" width="0.33203125" style="2" customWidth="1"/>
    <col min="41" max="41" width="1" style="2" customWidth="1"/>
    <col min="42" max="58" width="2.58203125" style="2" customWidth="1"/>
    <col min="59" max="59" width="3.5" style="2" customWidth="1"/>
    <col min="60" max="65" width="2.58203125" style="2" customWidth="1"/>
    <col min="66" max="76" width="9" style="2" customWidth="1"/>
    <col min="77" max="256" width="9" style="2"/>
    <col min="257" max="257" width="1.25" style="2" customWidth="1"/>
    <col min="258" max="294" width="2.58203125" style="2" customWidth="1"/>
    <col min="295" max="295" width="4.5" style="2" customWidth="1"/>
    <col min="296" max="296" width="0.33203125" style="2" customWidth="1"/>
    <col min="297" max="297" width="1" style="2" customWidth="1"/>
    <col min="298" max="321" width="2.58203125" style="2" customWidth="1"/>
    <col min="322" max="332" width="9" style="2" customWidth="1"/>
    <col min="333" max="512" width="9" style="2"/>
    <col min="513" max="513" width="1.25" style="2" customWidth="1"/>
    <col min="514" max="550" width="2.58203125" style="2" customWidth="1"/>
    <col min="551" max="551" width="4.5" style="2" customWidth="1"/>
    <col min="552" max="552" width="0.33203125" style="2" customWidth="1"/>
    <col min="553" max="553" width="1" style="2" customWidth="1"/>
    <col min="554" max="577" width="2.58203125" style="2" customWidth="1"/>
    <col min="578" max="588" width="9" style="2" customWidth="1"/>
    <col min="589" max="768" width="9" style="2"/>
    <col min="769" max="769" width="1.25" style="2" customWidth="1"/>
    <col min="770" max="806" width="2.58203125" style="2" customWidth="1"/>
    <col min="807" max="807" width="4.5" style="2" customWidth="1"/>
    <col min="808" max="808" width="0.33203125" style="2" customWidth="1"/>
    <col min="809" max="809" width="1" style="2" customWidth="1"/>
    <col min="810" max="833" width="2.58203125" style="2" customWidth="1"/>
    <col min="834" max="844" width="9" style="2" customWidth="1"/>
    <col min="845" max="1024" width="9" style="2"/>
    <col min="1025" max="1025" width="1.25" style="2" customWidth="1"/>
    <col min="1026" max="1062" width="2.58203125" style="2" customWidth="1"/>
    <col min="1063" max="1063" width="4.5" style="2" customWidth="1"/>
    <col min="1064" max="1064" width="0.33203125" style="2" customWidth="1"/>
    <col min="1065" max="1065" width="1" style="2" customWidth="1"/>
    <col min="1066" max="1089" width="2.58203125" style="2" customWidth="1"/>
    <col min="1090" max="1100" width="9" style="2" customWidth="1"/>
    <col min="1101" max="1280" width="9" style="2"/>
    <col min="1281" max="1281" width="1.25" style="2" customWidth="1"/>
    <col min="1282" max="1318" width="2.58203125" style="2" customWidth="1"/>
    <col min="1319" max="1319" width="4.5" style="2" customWidth="1"/>
    <col min="1320" max="1320" width="0.33203125" style="2" customWidth="1"/>
    <col min="1321" max="1321" width="1" style="2" customWidth="1"/>
    <col min="1322" max="1345" width="2.58203125" style="2" customWidth="1"/>
    <col min="1346" max="1356" width="9" style="2" customWidth="1"/>
    <col min="1357" max="1536" width="9" style="2"/>
    <col min="1537" max="1537" width="1.25" style="2" customWidth="1"/>
    <col min="1538" max="1574" width="2.58203125" style="2" customWidth="1"/>
    <col min="1575" max="1575" width="4.5" style="2" customWidth="1"/>
    <col min="1576" max="1576" width="0.33203125" style="2" customWidth="1"/>
    <col min="1577" max="1577" width="1" style="2" customWidth="1"/>
    <col min="1578" max="1601" width="2.58203125" style="2" customWidth="1"/>
    <col min="1602" max="1612" width="9" style="2" customWidth="1"/>
    <col min="1613" max="1792" width="9" style="2"/>
    <col min="1793" max="1793" width="1.25" style="2" customWidth="1"/>
    <col min="1794" max="1830" width="2.58203125" style="2" customWidth="1"/>
    <col min="1831" max="1831" width="4.5" style="2" customWidth="1"/>
    <col min="1832" max="1832" width="0.33203125" style="2" customWidth="1"/>
    <col min="1833" max="1833" width="1" style="2" customWidth="1"/>
    <col min="1834" max="1857" width="2.58203125" style="2" customWidth="1"/>
    <col min="1858" max="1868" width="9" style="2" customWidth="1"/>
    <col min="1869" max="2048" width="9" style="2"/>
    <col min="2049" max="2049" width="1.25" style="2" customWidth="1"/>
    <col min="2050" max="2086" width="2.58203125" style="2" customWidth="1"/>
    <col min="2087" max="2087" width="4.5" style="2" customWidth="1"/>
    <col min="2088" max="2088" width="0.33203125" style="2" customWidth="1"/>
    <col min="2089" max="2089" width="1" style="2" customWidth="1"/>
    <col min="2090" max="2113" width="2.58203125" style="2" customWidth="1"/>
    <col min="2114" max="2124" width="9" style="2" customWidth="1"/>
    <col min="2125" max="2304" width="9" style="2"/>
    <col min="2305" max="2305" width="1.25" style="2" customWidth="1"/>
    <col min="2306" max="2342" width="2.58203125" style="2" customWidth="1"/>
    <col min="2343" max="2343" width="4.5" style="2" customWidth="1"/>
    <col min="2344" max="2344" width="0.33203125" style="2" customWidth="1"/>
    <col min="2345" max="2345" width="1" style="2" customWidth="1"/>
    <col min="2346" max="2369" width="2.58203125" style="2" customWidth="1"/>
    <col min="2370" max="2380" width="9" style="2" customWidth="1"/>
    <col min="2381" max="2560" width="9" style="2"/>
    <col min="2561" max="2561" width="1.25" style="2" customWidth="1"/>
    <col min="2562" max="2598" width="2.58203125" style="2" customWidth="1"/>
    <col min="2599" max="2599" width="4.5" style="2" customWidth="1"/>
    <col min="2600" max="2600" width="0.33203125" style="2" customWidth="1"/>
    <col min="2601" max="2601" width="1" style="2" customWidth="1"/>
    <col min="2602" max="2625" width="2.58203125" style="2" customWidth="1"/>
    <col min="2626" max="2636" width="9" style="2" customWidth="1"/>
    <col min="2637" max="2816" width="9" style="2"/>
    <col min="2817" max="2817" width="1.25" style="2" customWidth="1"/>
    <col min="2818" max="2854" width="2.58203125" style="2" customWidth="1"/>
    <col min="2855" max="2855" width="4.5" style="2" customWidth="1"/>
    <col min="2856" max="2856" width="0.33203125" style="2" customWidth="1"/>
    <col min="2857" max="2857" width="1" style="2" customWidth="1"/>
    <col min="2858" max="2881" width="2.58203125" style="2" customWidth="1"/>
    <col min="2882" max="2892" width="9" style="2" customWidth="1"/>
    <col min="2893" max="3072" width="9" style="2"/>
    <col min="3073" max="3073" width="1.25" style="2" customWidth="1"/>
    <col min="3074" max="3110" width="2.58203125" style="2" customWidth="1"/>
    <col min="3111" max="3111" width="4.5" style="2" customWidth="1"/>
    <col min="3112" max="3112" width="0.33203125" style="2" customWidth="1"/>
    <col min="3113" max="3113" width="1" style="2" customWidth="1"/>
    <col min="3114" max="3137" width="2.58203125" style="2" customWidth="1"/>
    <col min="3138" max="3148" width="9" style="2" customWidth="1"/>
    <col min="3149" max="3328" width="9" style="2"/>
    <col min="3329" max="3329" width="1.25" style="2" customWidth="1"/>
    <col min="3330" max="3366" width="2.58203125" style="2" customWidth="1"/>
    <col min="3367" max="3367" width="4.5" style="2" customWidth="1"/>
    <col min="3368" max="3368" width="0.33203125" style="2" customWidth="1"/>
    <col min="3369" max="3369" width="1" style="2" customWidth="1"/>
    <col min="3370" max="3393" width="2.58203125" style="2" customWidth="1"/>
    <col min="3394" max="3404" width="9" style="2" customWidth="1"/>
    <col min="3405" max="3584" width="9" style="2"/>
    <col min="3585" max="3585" width="1.25" style="2" customWidth="1"/>
    <col min="3586" max="3622" width="2.58203125" style="2" customWidth="1"/>
    <col min="3623" max="3623" width="4.5" style="2" customWidth="1"/>
    <col min="3624" max="3624" width="0.33203125" style="2" customWidth="1"/>
    <col min="3625" max="3625" width="1" style="2" customWidth="1"/>
    <col min="3626" max="3649" width="2.58203125" style="2" customWidth="1"/>
    <col min="3650" max="3660" width="9" style="2" customWidth="1"/>
    <col min="3661" max="3840" width="9" style="2"/>
    <col min="3841" max="3841" width="1.25" style="2" customWidth="1"/>
    <col min="3842" max="3878" width="2.58203125" style="2" customWidth="1"/>
    <col min="3879" max="3879" width="4.5" style="2" customWidth="1"/>
    <col min="3880" max="3880" width="0.33203125" style="2" customWidth="1"/>
    <col min="3881" max="3881" width="1" style="2" customWidth="1"/>
    <col min="3882" max="3905" width="2.58203125" style="2" customWidth="1"/>
    <col min="3906" max="3916" width="9" style="2" customWidth="1"/>
    <col min="3917" max="4096" width="9" style="2"/>
    <col min="4097" max="4097" width="1.25" style="2" customWidth="1"/>
    <col min="4098" max="4134" width="2.58203125" style="2" customWidth="1"/>
    <col min="4135" max="4135" width="4.5" style="2" customWidth="1"/>
    <col min="4136" max="4136" width="0.33203125" style="2" customWidth="1"/>
    <col min="4137" max="4137" width="1" style="2" customWidth="1"/>
    <col min="4138" max="4161" width="2.58203125" style="2" customWidth="1"/>
    <col min="4162" max="4172" width="9" style="2" customWidth="1"/>
    <col min="4173" max="4352" width="9" style="2"/>
    <col min="4353" max="4353" width="1.25" style="2" customWidth="1"/>
    <col min="4354" max="4390" width="2.58203125" style="2" customWidth="1"/>
    <col min="4391" max="4391" width="4.5" style="2" customWidth="1"/>
    <col min="4392" max="4392" width="0.33203125" style="2" customWidth="1"/>
    <col min="4393" max="4393" width="1" style="2" customWidth="1"/>
    <col min="4394" max="4417" width="2.58203125" style="2" customWidth="1"/>
    <col min="4418" max="4428" width="9" style="2" customWidth="1"/>
    <col min="4429" max="4608" width="9" style="2"/>
    <col min="4609" max="4609" width="1.25" style="2" customWidth="1"/>
    <col min="4610" max="4646" width="2.58203125" style="2" customWidth="1"/>
    <col min="4647" max="4647" width="4.5" style="2" customWidth="1"/>
    <col min="4648" max="4648" width="0.33203125" style="2" customWidth="1"/>
    <col min="4649" max="4649" width="1" style="2" customWidth="1"/>
    <col min="4650" max="4673" width="2.58203125" style="2" customWidth="1"/>
    <col min="4674" max="4684" width="9" style="2" customWidth="1"/>
    <col min="4685" max="4864" width="9" style="2"/>
    <col min="4865" max="4865" width="1.25" style="2" customWidth="1"/>
    <col min="4866" max="4902" width="2.58203125" style="2" customWidth="1"/>
    <col min="4903" max="4903" width="4.5" style="2" customWidth="1"/>
    <col min="4904" max="4904" width="0.33203125" style="2" customWidth="1"/>
    <col min="4905" max="4905" width="1" style="2" customWidth="1"/>
    <col min="4906" max="4929" width="2.58203125" style="2" customWidth="1"/>
    <col min="4930" max="4940" width="9" style="2" customWidth="1"/>
    <col min="4941" max="5120" width="9" style="2"/>
    <col min="5121" max="5121" width="1.25" style="2" customWidth="1"/>
    <col min="5122" max="5158" width="2.58203125" style="2" customWidth="1"/>
    <col min="5159" max="5159" width="4.5" style="2" customWidth="1"/>
    <col min="5160" max="5160" width="0.33203125" style="2" customWidth="1"/>
    <col min="5161" max="5161" width="1" style="2" customWidth="1"/>
    <col min="5162" max="5185" width="2.58203125" style="2" customWidth="1"/>
    <col min="5186" max="5196" width="9" style="2" customWidth="1"/>
    <col min="5197" max="5376" width="9" style="2"/>
    <col min="5377" max="5377" width="1.25" style="2" customWidth="1"/>
    <col min="5378" max="5414" width="2.58203125" style="2" customWidth="1"/>
    <col min="5415" max="5415" width="4.5" style="2" customWidth="1"/>
    <col min="5416" max="5416" width="0.33203125" style="2" customWidth="1"/>
    <col min="5417" max="5417" width="1" style="2" customWidth="1"/>
    <col min="5418" max="5441" width="2.58203125" style="2" customWidth="1"/>
    <col min="5442" max="5452" width="9" style="2" customWidth="1"/>
    <col min="5453" max="5632" width="9" style="2"/>
    <col min="5633" max="5633" width="1.25" style="2" customWidth="1"/>
    <col min="5634" max="5670" width="2.58203125" style="2" customWidth="1"/>
    <col min="5671" max="5671" width="4.5" style="2" customWidth="1"/>
    <col min="5672" max="5672" width="0.33203125" style="2" customWidth="1"/>
    <col min="5673" max="5673" width="1" style="2" customWidth="1"/>
    <col min="5674" max="5697" width="2.58203125" style="2" customWidth="1"/>
    <col min="5698" max="5708" width="9" style="2" customWidth="1"/>
    <col min="5709" max="5888" width="9" style="2"/>
    <col min="5889" max="5889" width="1.25" style="2" customWidth="1"/>
    <col min="5890" max="5926" width="2.58203125" style="2" customWidth="1"/>
    <col min="5927" max="5927" width="4.5" style="2" customWidth="1"/>
    <col min="5928" max="5928" width="0.33203125" style="2" customWidth="1"/>
    <col min="5929" max="5929" width="1" style="2" customWidth="1"/>
    <col min="5930" max="5953" width="2.58203125" style="2" customWidth="1"/>
    <col min="5954" max="5964" width="9" style="2" customWidth="1"/>
    <col min="5965" max="6144" width="9" style="2"/>
    <col min="6145" max="6145" width="1.25" style="2" customWidth="1"/>
    <col min="6146" max="6182" width="2.58203125" style="2" customWidth="1"/>
    <col min="6183" max="6183" width="4.5" style="2" customWidth="1"/>
    <col min="6184" max="6184" width="0.33203125" style="2" customWidth="1"/>
    <col min="6185" max="6185" width="1" style="2" customWidth="1"/>
    <col min="6186" max="6209" width="2.58203125" style="2" customWidth="1"/>
    <col min="6210" max="6220" width="9" style="2" customWidth="1"/>
    <col min="6221" max="6400" width="9" style="2"/>
    <col min="6401" max="6401" width="1.25" style="2" customWidth="1"/>
    <col min="6402" max="6438" width="2.58203125" style="2" customWidth="1"/>
    <col min="6439" max="6439" width="4.5" style="2" customWidth="1"/>
    <col min="6440" max="6440" width="0.33203125" style="2" customWidth="1"/>
    <col min="6441" max="6441" width="1" style="2" customWidth="1"/>
    <col min="6442" max="6465" width="2.58203125" style="2" customWidth="1"/>
    <col min="6466" max="6476" width="9" style="2" customWidth="1"/>
    <col min="6477" max="6656" width="9" style="2"/>
    <col min="6657" max="6657" width="1.25" style="2" customWidth="1"/>
    <col min="6658" max="6694" width="2.58203125" style="2" customWidth="1"/>
    <col min="6695" max="6695" width="4.5" style="2" customWidth="1"/>
    <col min="6696" max="6696" width="0.33203125" style="2" customWidth="1"/>
    <col min="6697" max="6697" width="1" style="2" customWidth="1"/>
    <col min="6698" max="6721" width="2.58203125" style="2" customWidth="1"/>
    <col min="6722" max="6732" width="9" style="2" customWidth="1"/>
    <col min="6733" max="6912" width="9" style="2"/>
    <col min="6913" max="6913" width="1.25" style="2" customWidth="1"/>
    <col min="6914" max="6950" width="2.58203125" style="2" customWidth="1"/>
    <col min="6951" max="6951" width="4.5" style="2" customWidth="1"/>
    <col min="6952" max="6952" width="0.33203125" style="2" customWidth="1"/>
    <col min="6953" max="6953" width="1" style="2" customWidth="1"/>
    <col min="6954" max="6977" width="2.58203125" style="2" customWidth="1"/>
    <col min="6978" max="6988" width="9" style="2" customWidth="1"/>
    <col min="6989" max="7168" width="9" style="2"/>
    <col min="7169" max="7169" width="1.25" style="2" customWidth="1"/>
    <col min="7170" max="7206" width="2.58203125" style="2" customWidth="1"/>
    <col min="7207" max="7207" width="4.5" style="2" customWidth="1"/>
    <col min="7208" max="7208" width="0.33203125" style="2" customWidth="1"/>
    <col min="7209" max="7209" width="1" style="2" customWidth="1"/>
    <col min="7210" max="7233" width="2.58203125" style="2" customWidth="1"/>
    <col min="7234" max="7244" width="9" style="2" customWidth="1"/>
    <col min="7245" max="7424" width="9" style="2"/>
    <col min="7425" max="7425" width="1.25" style="2" customWidth="1"/>
    <col min="7426" max="7462" width="2.58203125" style="2" customWidth="1"/>
    <col min="7463" max="7463" width="4.5" style="2" customWidth="1"/>
    <col min="7464" max="7464" width="0.33203125" style="2" customWidth="1"/>
    <col min="7465" max="7465" width="1" style="2" customWidth="1"/>
    <col min="7466" max="7489" width="2.58203125" style="2" customWidth="1"/>
    <col min="7490" max="7500" width="9" style="2" customWidth="1"/>
    <col min="7501" max="7680" width="9" style="2"/>
    <col min="7681" max="7681" width="1.25" style="2" customWidth="1"/>
    <col min="7682" max="7718" width="2.58203125" style="2" customWidth="1"/>
    <col min="7719" max="7719" width="4.5" style="2" customWidth="1"/>
    <col min="7720" max="7720" width="0.33203125" style="2" customWidth="1"/>
    <col min="7721" max="7721" width="1" style="2" customWidth="1"/>
    <col min="7722" max="7745" width="2.58203125" style="2" customWidth="1"/>
    <col min="7746" max="7756" width="9" style="2" customWidth="1"/>
    <col min="7757" max="7936" width="9" style="2"/>
    <col min="7937" max="7937" width="1.25" style="2" customWidth="1"/>
    <col min="7938" max="7974" width="2.58203125" style="2" customWidth="1"/>
    <col min="7975" max="7975" width="4.5" style="2" customWidth="1"/>
    <col min="7976" max="7976" width="0.33203125" style="2" customWidth="1"/>
    <col min="7977" max="7977" width="1" style="2" customWidth="1"/>
    <col min="7978" max="8001" width="2.58203125" style="2" customWidth="1"/>
    <col min="8002" max="8012" width="9" style="2" customWidth="1"/>
    <col min="8013" max="8192" width="9" style="2"/>
    <col min="8193" max="8193" width="1.25" style="2" customWidth="1"/>
    <col min="8194" max="8230" width="2.58203125" style="2" customWidth="1"/>
    <col min="8231" max="8231" width="4.5" style="2" customWidth="1"/>
    <col min="8232" max="8232" width="0.33203125" style="2" customWidth="1"/>
    <col min="8233" max="8233" width="1" style="2" customWidth="1"/>
    <col min="8234" max="8257" width="2.58203125" style="2" customWidth="1"/>
    <col min="8258" max="8268" width="9" style="2" customWidth="1"/>
    <col min="8269" max="8448" width="9" style="2"/>
    <col min="8449" max="8449" width="1.25" style="2" customWidth="1"/>
    <col min="8450" max="8486" width="2.58203125" style="2" customWidth="1"/>
    <col min="8487" max="8487" width="4.5" style="2" customWidth="1"/>
    <col min="8488" max="8488" width="0.33203125" style="2" customWidth="1"/>
    <col min="8489" max="8489" width="1" style="2" customWidth="1"/>
    <col min="8490" max="8513" width="2.58203125" style="2" customWidth="1"/>
    <col min="8514" max="8524" width="9" style="2" customWidth="1"/>
    <col min="8525" max="8704" width="9" style="2"/>
    <col min="8705" max="8705" width="1.25" style="2" customWidth="1"/>
    <col min="8706" max="8742" width="2.58203125" style="2" customWidth="1"/>
    <col min="8743" max="8743" width="4.5" style="2" customWidth="1"/>
    <col min="8744" max="8744" width="0.33203125" style="2" customWidth="1"/>
    <col min="8745" max="8745" width="1" style="2" customWidth="1"/>
    <col min="8746" max="8769" width="2.58203125" style="2" customWidth="1"/>
    <col min="8770" max="8780" width="9" style="2" customWidth="1"/>
    <col min="8781" max="8960" width="9" style="2"/>
    <col min="8961" max="8961" width="1.25" style="2" customWidth="1"/>
    <col min="8962" max="8998" width="2.58203125" style="2" customWidth="1"/>
    <col min="8999" max="8999" width="4.5" style="2" customWidth="1"/>
    <col min="9000" max="9000" width="0.33203125" style="2" customWidth="1"/>
    <col min="9001" max="9001" width="1" style="2" customWidth="1"/>
    <col min="9002" max="9025" width="2.58203125" style="2" customWidth="1"/>
    <col min="9026" max="9036" width="9" style="2" customWidth="1"/>
    <col min="9037" max="9216" width="9" style="2"/>
    <col min="9217" max="9217" width="1.25" style="2" customWidth="1"/>
    <col min="9218" max="9254" width="2.58203125" style="2" customWidth="1"/>
    <col min="9255" max="9255" width="4.5" style="2" customWidth="1"/>
    <col min="9256" max="9256" width="0.33203125" style="2" customWidth="1"/>
    <col min="9257" max="9257" width="1" style="2" customWidth="1"/>
    <col min="9258" max="9281" width="2.58203125" style="2" customWidth="1"/>
    <col min="9282" max="9292" width="9" style="2" customWidth="1"/>
    <col min="9293" max="9472" width="9" style="2"/>
    <col min="9473" max="9473" width="1.25" style="2" customWidth="1"/>
    <col min="9474" max="9510" width="2.58203125" style="2" customWidth="1"/>
    <col min="9511" max="9511" width="4.5" style="2" customWidth="1"/>
    <col min="9512" max="9512" width="0.33203125" style="2" customWidth="1"/>
    <col min="9513" max="9513" width="1" style="2" customWidth="1"/>
    <col min="9514" max="9537" width="2.58203125" style="2" customWidth="1"/>
    <col min="9538" max="9548" width="9" style="2" customWidth="1"/>
    <col min="9549" max="9728" width="9" style="2"/>
    <col min="9729" max="9729" width="1.25" style="2" customWidth="1"/>
    <col min="9730" max="9766" width="2.58203125" style="2" customWidth="1"/>
    <col min="9767" max="9767" width="4.5" style="2" customWidth="1"/>
    <col min="9768" max="9768" width="0.33203125" style="2" customWidth="1"/>
    <col min="9769" max="9769" width="1" style="2" customWidth="1"/>
    <col min="9770" max="9793" width="2.58203125" style="2" customWidth="1"/>
    <col min="9794" max="9804" width="9" style="2" customWidth="1"/>
    <col min="9805" max="9984" width="9" style="2"/>
    <col min="9985" max="9985" width="1.25" style="2" customWidth="1"/>
    <col min="9986" max="10022" width="2.58203125" style="2" customWidth="1"/>
    <col min="10023" max="10023" width="4.5" style="2" customWidth="1"/>
    <col min="10024" max="10024" width="0.33203125" style="2" customWidth="1"/>
    <col min="10025" max="10025" width="1" style="2" customWidth="1"/>
    <col min="10026" max="10049" width="2.58203125" style="2" customWidth="1"/>
    <col min="10050" max="10060" width="9" style="2" customWidth="1"/>
    <col min="10061" max="10240" width="9" style="2"/>
    <col min="10241" max="10241" width="1.25" style="2" customWidth="1"/>
    <col min="10242" max="10278" width="2.58203125" style="2" customWidth="1"/>
    <col min="10279" max="10279" width="4.5" style="2" customWidth="1"/>
    <col min="10280" max="10280" width="0.33203125" style="2" customWidth="1"/>
    <col min="10281" max="10281" width="1" style="2" customWidth="1"/>
    <col min="10282" max="10305" width="2.58203125" style="2" customWidth="1"/>
    <col min="10306" max="10316" width="9" style="2" customWidth="1"/>
    <col min="10317" max="10496" width="9" style="2"/>
    <col min="10497" max="10497" width="1.25" style="2" customWidth="1"/>
    <col min="10498" max="10534" width="2.58203125" style="2" customWidth="1"/>
    <col min="10535" max="10535" width="4.5" style="2" customWidth="1"/>
    <col min="10536" max="10536" width="0.33203125" style="2" customWidth="1"/>
    <col min="10537" max="10537" width="1" style="2" customWidth="1"/>
    <col min="10538" max="10561" width="2.58203125" style="2" customWidth="1"/>
    <col min="10562" max="10572" width="9" style="2" customWidth="1"/>
    <col min="10573" max="10752" width="9" style="2"/>
    <col min="10753" max="10753" width="1.25" style="2" customWidth="1"/>
    <col min="10754" max="10790" width="2.58203125" style="2" customWidth="1"/>
    <col min="10791" max="10791" width="4.5" style="2" customWidth="1"/>
    <col min="10792" max="10792" width="0.33203125" style="2" customWidth="1"/>
    <col min="10793" max="10793" width="1" style="2" customWidth="1"/>
    <col min="10794" max="10817" width="2.58203125" style="2" customWidth="1"/>
    <col min="10818" max="10828" width="9" style="2" customWidth="1"/>
    <col min="10829" max="11008" width="9" style="2"/>
    <col min="11009" max="11009" width="1.25" style="2" customWidth="1"/>
    <col min="11010" max="11046" width="2.58203125" style="2" customWidth="1"/>
    <col min="11047" max="11047" width="4.5" style="2" customWidth="1"/>
    <col min="11048" max="11048" width="0.33203125" style="2" customWidth="1"/>
    <col min="11049" max="11049" width="1" style="2" customWidth="1"/>
    <col min="11050" max="11073" width="2.58203125" style="2" customWidth="1"/>
    <col min="11074" max="11084" width="9" style="2" customWidth="1"/>
    <col min="11085" max="11264" width="9" style="2"/>
    <col min="11265" max="11265" width="1.25" style="2" customWidth="1"/>
    <col min="11266" max="11302" width="2.58203125" style="2" customWidth="1"/>
    <col min="11303" max="11303" width="4.5" style="2" customWidth="1"/>
    <col min="11304" max="11304" width="0.33203125" style="2" customWidth="1"/>
    <col min="11305" max="11305" width="1" style="2" customWidth="1"/>
    <col min="11306" max="11329" width="2.58203125" style="2" customWidth="1"/>
    <col min="11330" max="11340" width="9" style="2" customWidth="1"/>
    <col min="11341" max="11520" width="9" style="2"/>
    <col min="11521" max="11521" width="1.25" style="2" customWidth="1"/>
    <col min="11522" max="11558" width="2.58203125" style="2" customWidth="1"/>
    <col min="11559" max="11559" width="4.5" style="2" customWidth="1"/>
    <col min="11560" max="11560" width="0.33203125" style="2" customWidth="1"/>
    <col min="11561" max="11561" width="1" style="2" customWidth="1"/>
    <col min="11562" max="11585" width="2.58203125" style="2" customWidth="1"/>
    <col min="11586" max="11596" width="9" style="2" customWidth="1"/>
    <col min="11597" max="11776" width="9" style="2"/>
    <col min="11777" max="11777" width="1.25" style="2" customWidth="1"/>
    <col min="11778" max="11814" width="2.58203125" style="2" customWidth="1"/>
    <col min="11815" max="11815" width="4.5" style="2" customWidth="1"/>
    <col min="11816" max="11816" width="0.33203125" style="2" customWidth="1"/>
    <col min="11817" max="11817" width="1" style="2" customWidth="1"/>
    <col min="11818" max="11841" width="2.58203125" style="2" customWidth="1"/>
    <col min="11842" max="11852" width="9" style="2" customWidth="1"/>
    <col min="11853" max="12032" width="9" style="2"/>
    <col min="12033" max="12033" width="1.25" style="2" customWidth="1"/>
    <col min="12034" max="12070" width="2.58203125" style="2" customWidth="1"/>
    <col min="12071" max="12071" width="4.5" style="2" customWidth="1"/>
    <col min="12072" max="12072" width="0.33203125" style="2" customWidth="1"/>
    <col min="12073" max="12073" width="1" style="2" customWidth="1"/>
    <col min="12074" max="12097" width="2.58203125" style="2" customWidth="1"/>
    <col min="12098" max="12108" width="9" style="2" customWidth="1"/>
    <col min="12109" max="12288" width="9" style="2"/>
    <col min="12289" max="12289" width="1.25" style="2" customWidth="1"/>
    <col min="12290" max="12326" width="2.58203125" style="2" customWidth="1"/>
    <col min="12327" max="12327" width="4.5" style="2" customWidth="1"/>
    <col min="12328" max="12328" width="0.33203125" style="2" customWidth="1"/>
    <col min="12329" max="12329" width="1" style="2" customWidth="1"/>
    <col min="12330" max="12353" width="2.58203125" style="2" customWidth="1"/>
    <col min="12354" max="12364" width="9" style="2" customWidth="1"/>
    <col min="12365" max="12544" width="9" style="2"/>
    <col min="12545" max="12545" width="1.25" style="2" customWidth="1"/>
    <col min="12546" max="12582" width="2.58203125" style="2" customWidth="1"/>
    <col min="12583" max="12583" width="4.5" style="2" customWidth="1"/>
    <col min="12584" max="12584" width="0.33203125" style="2" customWidth="1"/>
    <col min="12585" max="12585" width="1" style="2" customWidth="1"/>
    <col min="12586" max="12609" width="2.58203125" style="2" customWidth="1"/>
    <col min="12610" max="12620" width="9" style="2" customWidth="1"/>
    <col min="12621" max="12800" width="9" style="2"/>
    <col min="12801" max="12801" width="1.25" style="2" customWidth="1"/>
    <col min="12802" max="12838" width="2.58203125" style="2" customWidth="1"/>
    <col min="12839" max="12839" width="4.5" style="2" customWidth="1"/>
    <col min="12840" max="12840" width="0.33203125" style="2" customWidth="1"/>
    <col min="12841" max="12841" width="1" style="2" customWidth="1"/>
    <col min="12842" max="12865" width="2.58203125" style="2" customWidth="1"/>
    <col min="12866" max="12876" width="9" style="2" customWidth="1"/>
    <col min="12877" max="13056" width="9" style="2"/>
    <col min="13057" max="13057" width="1.25" style="2" customWidth="1"/>
    <col min="13058" max="13094" width="2.58203125" style="2" customWidth="1"/>
    <col min="13095" max="13095" width="4.5" style="2" customWidth="1"/>
    <col min="13096" max="13096" width="0.33203125" style="2" customWidth="1"/>
    <col min="13097" max="13097" width="1" style="2" customWidth="1"/>
    <col min="13098" max="13121" width="2.58203125" style="2" customWidth="1"/>
    <col min="13122" max="13132" width="9" style="2" customWidth="1"/>
    <col min="13133" max="13312" width="9" style="2"/>
    <col min="13313" max="13313" width="1.25" style="2" customWidth="1"/>
    <col min="13314" max="13350" width="2.58203125" style="2" customWidth="1"/>
    <col min="13351" max="13351" width="4.5" style="2" customWidth="1"/>
    <col min="13352" max="13352" width="0.33203125" style="2" customWidth="1"/>
    <col min="13353" max="13353" width="1" style="2" customWidth="1"/>
    <col min="13354" max="13377" width="2.58203125" style="2" customWidth="1"/>
    <col min="13378" max="13388" width="9" style="2" customWidth="1"/>
    <col min="13389" max="13568" width="9" style="2"/>
    <col min="13569" max="13569" width="1.25" style="2" customWidth="1"/>
    <col min="13570" max="13606" width="2.58203125" style="2" customWidth="1"/>
    <col min="13607" max="13607" width="4.5" style="2" customWidth="1"/>
    <col min="13608" max="13608" width="0.33203125" style="2" customWidth="1"/>
    <col min="13609" max="13609" width="1" style="2" customWidth="1"/>
    <col min="13610" max="13633" width="2.58203125" style="2" customWidth="1"/>
    <col min="13634" max="13644" width="9" style="2" customWidth="1"/>
    <col min="13645" max="13824" width="9" style="2"/>
    <col min="13825" max="13825" width="1.25" style="2" customWidth="1"/>
    <col min="13826" max="13862" width="2.58203125" style="2" customWidth="1"/>
    <col min="13863" max="13863" width="4.5" style="2" customWidth="1"/>
    <col min="13864" max="13864" width="0.33203125" style="2" customWidth="1"/>
    <col min="13865" max="13865" width="1" style="2" customWidth="1"/>
    <col min="13866" max="13889" width="2.58203125" style="2" customWidth="1"/>
    <col min="13890" max="13900" width="9" style="2" customWidth="1"/>
    <col min="13901" max="14080" width="9" style="2"/>
    <col min="14081" max="14081" width="1.25" style="2" customWidth="1"/>
    <col min="14082" max="14118" width="2.58203125" style="2" customWidth="1"/>
    <col min="14119" max="14119" width="4.5" style="2" customWidth="1"/>
    <col min="14120" max="14120" width="0.33203125" style="2" customWidth="1"/>
    <col min="14121" max="14121" width="1" style="2" customWidth="1"/>
    <col min="14122" max="14145" width="2.58203125" style="2" customWidth="1"/>
    <col min="14146" max="14156" width="9" style="2" customWidth="1"/>
    <col min="14157" max="14336" width="9" style="2"/>
    <col min="14337" max="14337" width="1.25" style="2" customWidth="1"/>
    <col min="14338" max="14374" width="2.58203125" style="2" customWidth="1"/>
    <col min="14375" max="14375" width="4.5" style="2" customWidth="1"/>
    <col min="14376" max="14376" width="0.33203125" style="2" customWidth="1"/>
    <col min="14377" max="14377" width="1" style="2" customWidth="1"/>
    <col min="14378" max="14401" width="2.58203125" style="2" customWidth="1"/>
    <col min="14402" max="14412" width="9" style="2" customWidth="1"/>
    <col min="14413" max="14592" width="9" style="2"/>
    <col min="14593" max="14593" width="1.25" style="2" customWidth="1"/>
    <col min="14594" max="14630" width="2.58203125" style="2" customWidth="1"/>
    <col min="14631" max="14631" width="4.5" style="2" customWidth="1"/>
    <col min="14632" max="14632" width="0.33203125" style="2" customWidth="1"/>
    <col min="14633" max="14633" width="1" style="2" customWidth="1"/>
    <col min="14634" max="14657" width="2.58203125" style="2" customWidth="1"/>
    <col min="14658" max="14668" width="9" style="2" customWidth="1"/>
    <col min="14669" max="14848" width="9" style="2"/>
    <col min="14849" max="14849" width="1.25" style="2" customWidth="1"/>
    <col min="14850" max="14886" width="2.58203125" style="2" customWidth="1"/>
    <col min="14887" max="14887" width="4.5" style="2" customWidth="1"/>
    <col min="14888" max="14888" width="0.33203125" style="2" customWidth="1"/>
    <col min="14889" max="14889" width="1" style="2" customWidth="1"/>
    <col min="14890" max="14913" width="2.58203125" style="2" customWidth="1"/>
    <col min="14914" max="14924" width="9" style="2" customWidth="1"/>
    <col min="14925" max="15104" width="9" style="2"/>
    <col min="15105" max="15105" width="1.25" style="2" customWidth="1"/>
    <col min="15106" max="15142" width="2.58203125" style="2" customWidth="1"/>
    <col min="15143" max="15143" width="4.5" style="2" customWidth="1"/>
    <col min="15144" max="15144" width="0.33203125" style="2" customWidth="1"/>
    <col min="15145" max="15145" width="1" style="2" customWidth="1"/>
    <col min="15146" max="15169" width="2.58203125" style="2" customWidth="1"/>
    <col min="15170" max="15180" width="9" style="2" customWidth="1"/>
    <col min="15181" max="15360" width="9" style="2"/>
    <col min="15361" max="15361" width="1.25" style="2" customWidth="1"/>
    <col min="15362" max="15398" width="2.58203125" style="2" customWidth="1"/>
    <col min="15399" max="15399" width="4.5" style="2" customWidth="1"/>
    <col min="15400" max="15400" width="0.33203125" style="2" customWidth="1"/>
    <col min="15401" max="15401" width="1" style="2" customWidth="1"/>
    <col min="15402" max="15425" width="2.58203125" style="2" customWidth="1"/>
    <col min="15426" max="15436" width="9" style="2" customWidth="1"/>
    <col min="15437" max="15616" width="9" style="2"/>
    <col min="15617" max="15617" width="1.25" style="2" customWidth="1"/>
    <col min="15618" max="15654" width="2.58203125" style="2" customWidth="1"/>
    <col min="15655" max="15655" width="4.5" style="2" customWidth="1"/>
    <col min="15656" max="15656" width="0.33203125" style="2" customWidth="1"/>
    <col min="15657" max="15657" width="1" style="2" customWidth="1"/>
    <col min="15658" max="15681" width="2.58203125" style="2" customWidth="1"/>
    <col min="15682" max="15692" width="9" style="2" customWidth="1"/>
    <col min="15693" max="15872" width="9" style="2"/>
    <col min="15873" max="15873" width="1.25" style="2" customWidth="1"/>
    <col min="15874" max="15910" width="2.58203125" style="2" customWidth="1"/>
    <col min="15911" max="15911" width="4.5" style="2" customWidth="1"/>
    <col min="15912" max="15912" width="0.33203125" style="2" customWidth="1"/>
    <col min="15913" max="15913" width="1" style="2" customWidth="1"/>
    <col min="15914" max="15937" width="2.58203125" style="2" customWidth="1"/>
    <col min="15938" max="15948" width="9" style="2" customWidth="1"/>
    <col min="15949" max="16128" width="9" style="2"/>
    <col min="16129" max="16129" width="1.25" style="2" customWidth="1"/>
    <col min="16130" max="16166" width="2.58203125" style="2" customWidth="1"/>
    <col min="16167" max="16167" width="4.5" style="2" customWidth="1"/>
    <col min="16168" max="16168" width="0.33203125" style="2" customWidth="1"/>
    <col min="16169" max="16169" width="1" style="2" customWidth="1"/>
    <col min="16170" max="16193" width="2.58203125" style="2" customWidth="1"/>
    <col min="16194" max="16204" width="9" style="2" customWidth="1"/>
    <col min="16205" max="16384" width="9" style="2"/>
  </cols>
  <sheetData>
    <row r="1" spans="1:66" s="1" customFormat="1" ht="13.5" customHeight="1" x14ac:dyDescent="0.55000000000000004">
      <c r="A1" s="268" t="s">
        <v>152</v>
      </c>
      <c r="B1" s="269"/>
      <c r="C1" s="269"/>
      <c r="D1" s="269"/>
      <c r="E1" s="270" t="s">
        <v>125</v>
      </c>
      <c r="F1" s="271"/>
      <c r="G1" s="271"/>
      <c r="H1" s="271"/>
      <c r="I1" s="271"/>
      <c r="J1" s="271"/>
      <c r="K1" s="271"/>
      <c r="L1" s="271"/>
      <c r="M1" s="271"/>
      <c r="N1" s="271"/>
      <c r="O1" s="271"/>
      <c r="P1" s="271"/>
      <c r="Q1" s="271"/>
      <c r="R1" s="271"/>
      <c r="S1" s="271"/>
      <c r="T1" s="271"/>
      <c r="U1" s="271"/>
      <c r="V1" s="271"/>
      <c r="W1" s="272" t="s">
        <v>126</v>
      </c>
      <c r="X1" s="273"/>
      <c r="Y1" s="273"/>
      <c r="Z1" s="295"/>
      <c r="AA1" s="296"/>
      <c r="AB1" s="296"/>
      <c r="AC1" s="296"/>
      <c r="AD1" s="296"/>
      <c r="AE1" s="78" t="s">
        <v>1</v>
      </c>
      <c r="AF1" s="295"/>
      <c r="AG1" s="296"/>
      <c r="AH1" s="296"/>
      <c r="AI1" s="78" t="s">
        <v>2</v>
      </c>
      <c r="AJ1" s="295"/>
      <c r="AK1" s="296"/>
      <c r="AL1" s="296"/>
      <c r="AM1" s="78" t="s">
        <v>3</v>
      </c>
      <c r="AN1" s="8"/>
      <c r="AO1" s="8"/>
      <c r="AP1" s="8"/>
      <c r="BN1" s="1" t="b">
        <v>0</v>
      </c>
    </row>
    <row r="2" spans="1:66" ht="20.149999999999999" customHeight="1" x14ac:dyDescent="0.55000000000000004">
      <c r="A2" s="10"/>
      <c r="B2" s="292" t="s">
        <v>153</v>
      </c>
      <c r="C2" s="293"/>
      <c r="D2" s="293"/>
      <c r="E2" s="293"/>
      <c r="F2" s="293"/>
      <c r="G2" s="293"/>
      <c r="H2" s="293"/>
      <c r="I2" s="293"/>
      <c r="J2" s="293"/>
      <c r="K2" s="293"/>
      <c r="L2" s="293"/>
      <c r="M2" s="293"/>
      <c r="N2" s="293"/>
      <c r="O2" s="294"/>
      <c r="P2" s="274" t="s">
        <v>127</v>
      </c>
      <c r="Q2" s="275"/>
      <c r="R2" s="79" t="s">
        <v>128</v>
      </c>
      <c r="S2" s="80"/>
      <c r="T2" s="80"/>
      <c r="U2" s="232"/>
      <c r="V2" s="232"/>
      <c r="W2" s="232"/>
      <c r="X2" s="232"/>
      <c r="Y2" s="232"/>
      <c r="Z2" s="232"/>
      <c r="AA2" s="237"/>
      <c r="AB2" s="237"/>
      <c r="AC2" s="237"/>
      <c r="AD2" s="237"/>
      <c r="AE2" s="237"/>
      <c r="AF2" s="237"/>
      <c r="AG2" s="237"/>
      <c r="AH2" s="237"/>
      <c r="AI2" s="237"/>
      <c r="AJ2" s="237"/>
      <c r="AK2" s="237"/>
      <c r="AL2" s="237"/>
      <c r="AM2" s="297"/>
      <c r="AN2" s="10"/>
      <c r="AO2" s="10"/>
      <c r="AP2" s="10"/>
    </row>
    <row r="3" spans="1:66" ht="20.149999999999999" customHeight="1" x14ac:dyDescent="0.2">
      <c r="A3" s="10"/>
      <c r="B3" s="293"/>
      <c r="C3" s="293"/>
      <c r="D3" s="293"/>
      <c r="E3" s="293"/>
      <c r="F3" s="293"/>
      <c r="G3" s="293"/>
      <c r="H3" s="293"/>
      <c r="I3" s="293"/>
      <c r="J3" s="293"/>
      <c r="K3" s="293"/>
      <c r="L3" s="293"/>
      <c r="M3" s="293"/>
      <c r="N3" s="293"/>
      <c r="O3" s="294"/>
      <c r="P3" s="276"/>
      <c r="Q3" s="250"/>
      <c r="R3" s="279"/>
      <c r="S3" s="280"/>
      <c r="T3" s="280"/>
      <c r="U3" s="280"/>
      <c r="V3" s="280"/>
      <c r="W3" s="280"/>
      <c r="X3" s="280"/>
      <c r="Y3" s="280"/>
      <c r="Z3" s="280"/>
      <c r="AA3" s="280"/>
      <c r="AB3" s="280"/>
      <c r="AC3" s="280"/>
      <c r="AD3" s="280"/>
      <c r="AE3" s="280"/>
      <c r="AF3" s="280"/>
      <c r="AG3" s="280"/>
      <c r="AH3" s="280"/>
      <c r="AI3" s="280"/>
      <c r="AJ3" s="280"/>
      <c r="AK3" s="280"/>
      <c r="AL3" s="280"/>
      <c r="AM3" s="281"/>
      <c r="AN3" s="10"/>
      <c r="AO3" s="10"/>
      <c r="AP3" s="10"/>
    </row>
    <row r="4" spans="1:66" ht="20.149999999999999" customHeight="1" x14ac:dyDescent="0.55000000000000004">
      <c r="A4" s="10"/>
      <c r="B4" s="293"/>
      <c r="C4" s="293"/>
      <c r="D4" s="293"/>
      <c r="E4" s="293"/>
      <c r="F4" s="293"/>
      <c r="G4" s="293"/>
      <c r="H4" s="293"/>
      <c r="I4" s="293"/>
      <c r="J4" s="293"/>
      <c r="K4" s="293"/>
      <c r="L4" s="293"/>
      <c r="M4" s="293"/>
      <c r="N4" s="293"/>
      <c r="O4" s="294"/>
      <c r="P4" s="276"/>
      <c r="Q4" s="250"/>
      <c r="R4" s="282" t="s">
        <v>129</v>
      </c>
      <c r="S4" s="283"/>
      <c r="T4" s="283"/>
      <c r="U4" s="283"/>
      <c r="V4" s="285"/>
      <c r="W4" s="285"/>
      <c r="X4" s="285"/>
      <c r="Y4" s="285"/>
      <c r="Z4" s="285"/>
      <c r="AA4" s="285"/>
      <c r="AB4" s="285"/>
      <c r="AC4" s="285"/>
      <c r="AD4" s="285"/>
      <c r="AE4" s="285"/>
      <c r="AF4" s="285"/>
      <c r="AG4" s="285"/>
      <c r="AH4" s="285"/>
      <c r="AI4" s="285"/>
      <c r="AJ4" s="285"/>
      <c r="AK4" s="285"/>
      <c r="AL4" s="285"/>
      <c r="AM4" s="286"/>
      <c r="AN4" s="10"/>
      <c r="AO4" s="10"/>
      <c r="AP4" s="10"/>
    </row>
    <row r="5" spans="1:66" ht="20.149999999999999" customHeight="1" x14ac:dyDescent="0.55000000000000004">
      <c r="A5" s="10"/>
      <c r="B5" s="293"/>
      <c r="C5" s="293"/>
      <c r="D5" s="293"/>
      <c r="E5" s="293"/>
      <c r="F5" s="293"/>
      <c r="G5" s="293"/>
      <c r="H5" s="293"/>
      <c r="I5" s="293"/>
      <c r="J5" s="293"/>
      <c r="K5" s="293"/>
      <c r="L5" s="293"/>
      <c r="M5" s="293"/>
      <c r="N5" s="293"/>
      <c r="O5" s="294"/>
      <c r="P5" s="276"/>
      <c r="Q5" s="250"/>
      <c r="R5" s="284"/>
      <c r="S5" s="283"/>
      <c r="T5" s="283"/>
      <c r="U5" s="283"/>
      <c r="V5" s="285"/>
      <c r="W5" s="285"/>
      <c r="X5" s="285"/>
      <c r="Y5" s="285"/>
      <c r="Z5" s="285"/>
      <c r="AA5" s="285"/>
      <c r="AB5" s="285"/>
      <c r="AC5" s="285"/>
      <c r="AD5" s="285"/>
      <c r="AE5" s="285"/>
      <c r="AF5" s="285"/>
      <c r="AG5" s="285"/>
      <c r="AH5" s="285"/>
      <c r="AI5" s="285"/>
      <c r="AJ5" s="285"/>
      <c r="AK5" s="285"/>
      <c r="AL5" s="285"/>
      <c r="AM5" s="286"/>
      <c r="AN5" s="10"/>
      <c r="AO5" s="10"/>
      <c r="AP5" s="10"/>
    </row>
    <row r="6" spans="1:66" ht="20.149999999999999" customHeight="1" x14ac:dyDescent="0.55000000000000004">
      <c r="A6" s="10"/>
      <c r="B6" s="293"/>
      <c r="C6" s="293"/>
      <c r="D6" s="293"/>
      <c r="E6" s="293"/>
      <c r="F6" s="293"/>
      <c r="G6" s="293"/>
      <c r="H6" s="293"/>
      <c r="I6" s="293"/>
      <c r="J6" s="293"/>
      <c r="K6" s="293"/>
      <c r="L6" s="293"/>
      <c r="M6" s="293"/>
      <c r="N6" s="293"/>
      <c r="O6" s="294"/>
      <c r="P6" s="276"/>
      <c r="Q6" s="250"/>
      <c r="R6" s="284"/>
      <c r="S6" s="283"/>
      <c r="T6" s="283"/>
      <c r="U6" s="283"/>
      <c r="V6" s="285"/>
      <c r="W6" s="285"/>
      <c r="X6" s="285"/>
      <c r="Y6" s="285"/>
      <c r="Z6" s="285"/>
      <c r="AA6" s="285"/>
      <c r="AB6" s="285"/>
      <c r="AC6" s="285"/>
      <c r="AD6" s="285"/>
      <c r="AE6" s="285"/>
      <c r="AF6" s="285"/>
      <c r="AG6" s="285"/>
      <c r="AH6" s="285"/>
      <c r="AI6" s="285"/>
      <c r="AJ6" s="285"/>
      <c r="AK6" s="285"/>
      <c r="AL6" s="285"/>
      <c r="AM6" s="286"/>
      <c r="AN6" s="10"/>
      <c r="AO6" s="10"/>
      <c r="AP6" s="10"/>
    </row>
    <row r="7" spans="1:66" ht="20.149999999999999" customHeight="1" x14ac:dyDescent="0.55000000000000004">
      <c r="A7" s="10"/>
      <c r="B7" s="293"/>
      <c r="C7" s="293"/>
      <c r="D7" s="293"/>
      <c r="E7" s="293"/>
      <c r="F7" s="293"/>
      <c r="G7" s="293"/>
      <c r="H7" s="293"/>
      <c r="I7" s="293"/>
      <c r="J7" s="293"/>
      <c r="K7" s="293"/>
      <c r="L7" s="293"/>
      <c r="M7" s="293"/>
      <c r="N7" s="293"/>
      <c r="O7" s="294"/>
      <c r="P7" s="276"/>
      <c r="Q7" s="250"/>
      <c r="R7" s="287" t="s">
        <v>130</v>
      </c>
      <c r="S7" s="288"/>
      <c r="T7" s="288"/>
      <c r="U7" s="285"/>
      <c r="V7" s="285"/>
      <c r="W7" s="285"/>
      <c r="X7" s="285"/>
      <c r="Y7" s="285"/>
      <c r="Z7" s="285"/>
      <c r="AA7" s="285"/>
      <c r="AB7" s="285"/>
      <c r="AC7" s="288" t="s">
        <v>131</v>
      </c>
      <c r="AD7" s="289"/>
      <c r="AE7" s="289"/>
      <c r="AF7" s="290"/>
      <c r="AG7" s="290"/>
      <c r="AH7" s="290"/>
      <c r="AI7" s="290"/>
      <c r="AJ7" s="290"/>
      <c r="AK7" s="290"/>
      <c r="AL7" s="290"/>
      <c r="AM7" s="291"/>
      <c r="AN7" s="10"/>
      <c r="AO7" s="10"/>
      <c r="AP7" s="10"/>
    </row>
    <row r="8" spans="1:66" ht="22.5" hidden="1" customHeight="1" x14ac:dyDescent="0.55000000000000004">
      <c r="A8" s="10"/>
      <c r="B8" s="293"/>
      <c r="C8" s="293"/>
      <c r="D8" s="293"/>
      <c r="E8" s="293"/>
      <c r="F8" s="293"/>
      <c r="G8" s="293"/>
      <c r="H8" s="293"/>
      <c r="I8" s="293"/>
      <c r="J8" s="293"/>
      <c r="K8" s="293"/>
      <c r="L8" s="293"/>
      <c r="M8" s="293"/>
      <c r="N8" s="293"/>
      <c r="O8" s="294"/>
      <c r="P8" s="277"/>
      <c r="Q8" s="278"/>
      <c r="R8" s="81"/>
      <c r="S8" s="82"/>
      <c r="T8" s="82"/>
      <c r="U8" s="82"/>
      <c r="V8" s="83"/>
      <c r="W8" s="83"/>
      <c r="X8" s="83"/>
      <c r="Y8" s="83"/>
      <c r="Z8" s="83"/>
      <c r="AA8" s="83"/>
      <c r="AB8" s="83"/>
      <c r="AC8" s="83"/>
      <c r="AD8" s="83"/>
      <c r="AE8" s="83"/>
      <c r="AF8" s="83"/>
      <c r="AG8" s="84"/>
      <c r="AH8" s="84"/>
      <c r="AI8" s="84"/>
      <c r="AJ8" s="84"/>
      <c r="AK8" s="84"/>
      <c r="AL8" s="84"/>
      <c r="AM8" s="85"/>
      <c r="AN8" s="10"/>
      <c r="AO8" s="10"/>
      <c r="AP8" s="10"/>
    </row>
    <row r="9" spans="1:66" ht="23.25" customHeight="1" x14ac:dyDescent="0.55000000000000004">
      <c r="A9" s="10"/>
      <c r="B9" s="10"/>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10"/>
      <c r="AH9" s="10"/>
      <c r="AI9" s="10"/>
      <c r="AJ9" s="10"/>
      <c r="AK9" s="10"/>
      <c r="AL9" s="10"/>
      <c r="AM9" s="10"/>
      <c r="AN9" s="10"/>
      <c r="AO9" s="10"/>
      <c r="AP9" s="10"/>
      <c r="AR9" s="3"/>
      <c r="AV9" s="4"/>
    </row>
    <row r="10" spans="1:66" ht="0.75" customHeight="1" thickBot="1" x14ac:dyDescent="0.6">
      <c r="A10" s="10"/>
      <c r="B10" s="10"/>
      <c r="C10" s="10"/>
      <c r="D10" s="10"/>
      <c r="E10" s="10"/>
      <c r="F10" s="10"/>
      <c r="G10" s="10"/>
      <c r="H10" s="10"/>
      <c r="I10" s="10"/>
      <c r="J10" s="10"/>
      <c r="K10" s="10"/>
      <c r="L10" s="10"/>
      <c r="M10" s="10"/>
      <c r="N10" s="10"/>
      <c r="O10" s="10"/>
      <c r="P10" s="10"/>
      <c r="Q10" s="10"/>
      <c r="R10" s="10"/>
      <c r="S10" s="10"/>
      <c r="T10" s="10"/>
      <c r="U10" s="10"/>
      <c r="V10" s="10"/>
      <c r="W10" s="10"/>
      <c r="X10" s="10"/>
      <c r="Y10" s="10"/>
      <c r="Z10" s="10"/>
      <c r="AA10" s="10"/>
      <c r="AB10" s="10"/>
      <c r="AC10" s="10"/>
      <c r="AD10" s="10"/>
      <c r="AE10" s="10"/>
      <c r="AF10" s="10"/>
      <c r="AG10" s="10"/>
      <c r="AH10" s="10"/>
      <c r="AI10" s="10"/>
      <c r="AJ10" s="10"/>
      <c r="AK10" s="10"/>
      <c r="AL10" s="10"/>
      <c r="AM10" s="10"/>
      <c r="AN10" s="10"/>
      <c r="AO10" s="10"/>
      <c r="AP10" s="10"/>
    </row>
    <row r="11" spans="1:66" s="5" customFormat="1" ht="20.149999999999999" customHeight="1" thickBot="1" x14ac:dyDescent="0.6">
      <c r="A11" s="16"/>
      <c r="B11" s="129" t="s">
        <v>132</v>
      </c>
      <c r="C11" s="130"/>
      <c r="D11" s="130"/>
      <c r="E11" s="131"/>
      <c r="F11" s="132"/>
      <c r="G11" s="136"/>
      <c r="H11" s="137"/>
      <c r="I11" s="137"/>
      <c r="J11" s="137"/>
      <c r="K11" s="86" t="s">
        <v>1</v>
      </c>
      <c r="L11" s="138"/>
      <c r="M11" s="137"/>
      <c r="N11" s="137"/>
      <c r="O11" s="87" t="s">
        <v>133</v>
      </c>
      <c r="P11" s="138"/>
      <c r="Q11" s="137"/>
      <c r="R11" s="137"/>
      <c r="S11" s="88" t="s">
        <v>3</v>
      </c>
      <c r="T11" s="87"/>
      <c r="U11" s="129" t="s">
        <v>184</v>
      </c>
      <c r="V11" s="172"/>
      <c r="W11" s="172"/>
      <c r="X11" s="172"/>
      <c r="Y11" s="173"/>
      <c r="Z11" s="174"/>
      <c r="AA11" s="175"/>
      <c r="AB11" s="175"/>
      <c r="AC11" s="175"/>
      <c r="AD11" s="175"/>
      <c r="AE11" s="175"/>
      <c r="AF11" s="175"/>
      <c r="AG11" s="175"/>
      <c r="AH11" s="175"/>
      <c r="AI11" s="175"/>
      <c r="AJ11" s="175"/>
      <c r="AK11" s="175"/>
      <c r="AL11" s="175"/>
      <c r="AM11" s="176"/>
      <c r="AN11" s="16"/>
      <c r="AO11" s="16"/>
      <c r="AP11" s="16"/>
    </row>
    <row r="12" spans="1:66" s="5" customFormat="1" ht="20.149999999999999" customHeight="1" outlineLevel="1" thickBot="1" x14ac:dyDescent="0.6">
      <c r="A12" s="16"/>
      <c r="B12" s="139" t="s">
        <v>42</v>
      </c>
      <c r="C12" s="140"/>
      <c r="D12" s="140"/>
      <c r="E12" s="140"/>
      <c r="F12" s="141"/>
      <c r="G12" s="142"/>
      <c r="H12" s="143"/>
      <c r="I12" s="143"/>
      <c r="J12" s="143"/>
      <c r="K12" s="144"/>
      <c r="L12" s="142"/>
      <c r="M12" s="143"/>
      <c r="N12" s="143"/>
      <c r="O12" s="143"/>
      <c r="P12" s="143"/>
      <c r="Q12" s="143"/>
      <c r="R12" s="144"/>
      <c r="S12" s="142"/>
      <c r="T12" s="143"/>
      <c r="U12" s="143"/>
      <c r="V12" s="143"/>
      <c r="W12" s="143"/>
      <c r="X12" s="143"/>
      <c r="Y12" s="144"/>
      <c r="Z12" s="142"/>
      <c r="AA12" s="143"/>
      <c r="AB12" s="143"/>
      <c r="AC12" s="143"/>
      <c r="AD12" s="143"/>
      <c r="AE12" s="143"/>
      <c r="AF12" s="144"/>
      <c r="AG12" s="142"/>
      <c r="AH12" s="143"/>
      <c r="AI12" s="143"/>
      <c r="AJ12" s="143"/>
      <c r="AK12" s="143"/>
      <c r="AL12" s="143"/>
      <c r="AM12" s="155"/>
      <c r="AN12" s="16"/>
      <c r="AO12" s="16"/>
      <c r="AP12" s="16"/>
    </row>
    <row r="13" spans="1:66" s="5" customFormat="1" ht="18.5" thickBot="1" x14ac:dyDescent="0.6">
      <c r="A13" s="16"/>
      <c r="B13" s="16"/>
      <c r="C13" s="16"/>
      <c r="D13" s="16"/>
      <c r="E13" s="16"/>
      <c r="F13" s="16"/>
      <c r="G13" s="16"/>
      <c r="H13" s="16"/>
      <c r="I13" s="16"/>
      <c r="J13" s="16"/>
      <c r="K13" s="153" t="s">
        <v>143</v>
      </c>
      <c r="L13" s="154"/>
      <c r="M13" s="154"/>
      <c r="N13" s="154"/>
      <c r="O13" s="154"/>
      <c r="P13" s="154"/>
      <c r="Q13" s="154"/>
      <c r="R13" s="154"/>
      <c r="S13" s="154"/>
      <c r="T13" s="154"/>
      <c r="U13" s="154"/>
      <c r="V13" s="154"/>
      <c r="W13" s="154"/>
      <c r="X13" s="154"/>
      <c r="Y13" s="154"/>
      <c r="Z13" s="154"/>
      <c r="AA13" s="154"/>
      <c r="AB13" s="154"/>
      <c r="AC13" s="154"/>
      <c r="AD13" s="154"/>
      <c r="AE13" s="154"/>
      <c r="AF13" s="154"/>
      <c r="AG13" s="154"/>
      <c r="AH13" s="154"/>
      <c r="AI13" s="154"/>
      <c r="AJ13" s="154"/>
      <c r="AK13" s="154"/>
      <c r="AL13" s="154"/>
      <c r="AM13" s="154"/>
      <c r="AN13" s="16"/>
      <c r="AO13" s="16"/>
      <c r="AP13" s="16"/>
    </row>
    <row r="14" spans="1:66" s="5" customFormat="1" ht="20.149999999999999" customHeight="1" x14ac:dyDescent="0.55000000000000004">
      <c r="A14" s="16"/>
      <c r="B14" s="145" t="s">
        <v>48</v>
      </c>
      <c r="C14" s="146"/>
      <c r="D14" s="151" t="s">
        <v>5</v>
      </c>
      <c r="E14" s="152"/>
      <c r="F14" s="156" t="s">
        <v>6</v>
      </c>
      <c r="G14" s="157"/>
      <c r="H14" s="158"/>
      <c r="I14" s="133"/>
      <c r="J14" s="134"/>
      <c r="K14" s="134"/>
      <c r="L14" s="134"/>
      <c r="M14" s="134"/>
      <c r="N14" s="134"/>
      <c r="O14" s="134"/>
      <c r="P14" s="18" t="s">
        <v>1</v>
      </c>
      <c r="Q14" s="135"/>
      <c r="R14" s="134"/>
      <c r="S14" s="18" t="s">
        <v>2</v>
      </c>
      <c r="T14" s="135"/>
      <c r="U14" s="134"/>
      <c r="V14" s="18" t="s">
        <v>3</v>
      </c>
      <c r="W14" s="18"/>
      <c r="X14" s="19"/>
      <c r="Y14" s="19"/>
      <c r="Z14" s="19"/>
      <c r="AA14" s="19"/>
      <c r="AB14" s="19"/>
      <c r="AC14" s="19"/>
      <c r="AD14" s="19"/>
      <c r="AE14" s="19"/>
      <c r="AF14" s="19"/>
      <c r="AG14" s="19"/>
      <c r="AH14" s="19"/>
      <c r="AI14" s="19"/>
      <c r="AJ14" s="19"/>
      <c r="AK14" s="19"/>
      <c r="AL14" s="19"/>
      <c r="AM14" s="20"/>
      <c r="AN14" s="16"/>
      <c r="AO14" s="16"/>
      <c r="AP14" s="16"/>
    </row>
    <row r="15" spans="1:66" s="5" customFormat="1" ht="20.149999999999999" customHeight="1" x14ac:dyDescent="0.55000000000000004">
      <c r="A15" s="16"/>
      <c r="B15" s="147"/>
      <c r="C15" s="148"/>
      <c r="D15" s="159" t="s">
        <v>7</v>
      </c>
      <c r="E15" s="160"/>
      <c r="F15" s="162" t="s">
        <v>8</v>
      </c>
      <c r="G15" s="163"/>
      <c r="H15" s="164"/>
      <c r="I15" s="214" t="s">
        <v>186</v>
      </c>
      <c r="J15" s="215"/>
      <c r="K15" s="89" t="s">
        <v>52</v>
      </c>
      <c r="L15" s="232"/>
      <c r="M15" s="237"/>
      <c r="N15" s="237"/>
      <c r="O15" s="237"/>
      <c r="P15" s="237"/>
      <c r="Q15" s="237"/>
      <c r="R15" s="237"/>
      <c r="S15" s="237"/>
      <c r="T15" s="237"/>
      <c r="U15" s="237"/>
      <c r="V15" s="237"/>
      <c r="W15" s="237"/>
      <c r="X15" s="237"/>
      <c r="Y15" s="237"/>
      <c r="Z15" s="237"/>
      <c r="AA15" s="237"/>
      <c r="AB15" s="237"/>
      <c r="AC15" s="237"/>
      <c r="AD15" s="237"/>
      <c r="AE15" s="230"/>
      <c r="AF15" s="231"/>
      <c r="AG15" s="231"/>
      <c r="AH15" s="231"/>
      <c r="AI15" s="232"/>
      <c r="AJ15" s="232"/>
      <c r="AK15" s="232"/>
      <c r="AL15" s="232"/>
      <c r="AM15" s="233"/>
      <c r="AN15" s="16"/>
      <c r="AO15" s="16"/>
      <c r="AP15" s="16"/>
      <c r="BA15" s="6"/>
    </row>
    <row r="16" spans="1:66" s="5" customFormat="1" ht="20.149999999999999" customHeight="1" x14ac:dyDescent="0.55000000000000004">
      <c r="A16" s="16"/>
      <c r="B16" s="147"/>
      <c r="C16" s="148"/>
      <c r="D16" s="160"/>
      <c r="E16" s="160"/>
      <c r="F16" s="165"/>
      <c r="G16" s="165"/>
      <c r="H16" s="166"/>
      <c r="I16" s="216"/>
      <c r="J16" s="217"/>
      <c r="K16" s="238"/>
      <c r="L16" s="239"/>
      <c r="M16" s="239"/>
      <c r="N16" s="239"/>
      <c r="O16" s="239"/>
      <c r="P16" s="239"/>
      <c r="Q16" s="239"/>
      <c r="R16" s="239"/>
      <c r="S16" s="239"/>
      <c r="T16" s="239"/>
      <c r="U16" s="239"/>
      <c r="V16" s="239"/>
      <c r="W16" s="239"/>
      <c r="X16" s="239"/>
      <c r="Y16" s="239"/>
      <c r="Z16" s="239"/>
      <c r="AA16" s="239"/>
      <c r="AB16" s="239"/>
      <c r="AC16" s="239"/>
      <c r="AD16" s="239"/>
      <c r="AE16" s="239"/>
      <c r="AF16" s="239"/>
      <c r="AG16" s="239"/>
      <c r="AH16" s="239"/>
      <c r="AI16" s="239"/>
      <c r="AJ16" s="239"/>
      <c r="AK16" s="239"/>
      <c r="AL16" s="239"/>
      <c r="AM16" s="240"/>
      <c r="AN16" s="16"/>
      <c r="AO16" s="16"/>
      <c r="AP16" s="16"/>
      <c r="BA16" s="6"/>
    </row>
    <row r="17" spans="1:51" s="5" customFormat="1" ht="20.149999999999999" customHeight="1" x14ac:dyDescent="0.55000000000000004">
      <c r="A17" s="16"/>
      <c r="B17" s="147"/>
      <c r="C17" s="148"/>
      <c r="D17" s="160"/>
      <c r="E17" s="160"/>
      <c r="F17" s="165"/>
      <c r="G17" s="165"/>
      <c r="H17" s="165"/>
      <c r="I17" s="218"/>
      <c r="J17" s="219"/>
      <c r="K17" s="241"/>
      <c r="L17" s="234"/>
      <c r="M17" s="234"/>
      <c r="N17" s="234"/>
      <c r="O17" s="234"/>
      <c r="P17" s="234"/>
      <c r="Q17" s="234"/>
      <c r="R17" s="234"/>
      <c r="S17" s="234"/>
      <c r="T17" s="234"/>
      <c r="U17" s="234"/>
      <c r="V17" s="234"/>
      <c r="W17" s="234"/>
      <c r="X17" s="234"/>
      <c r="Y17" s="234"/>
      <c r="Z17" s="242" t="s">
        <v>12</v>
      </c>
      <c r="AA17" s="243"/>
      <c r="AB17" s="243"/>
      <c r="AC17" s="234"/>
      <c r="AD17" s="235"/>
      <c r="AE17" s="235"/>
      <c r="AF17" s="235"/>
      <c r="AG17" s="235"/>
      <c r="AH17" s="235"/>
      <c r="AI17" s="235"/>
      <c r="AJ17" s="235"/>
      <c r="AK17" s="235"/>
      <c r="AL17" s="235"/>
      <c r="AM17" s="236"/>
      <c r="AN17" s="16"/>
      <c r="AO17" s="16"/>
      <c r="AP17" s="16"/>
    </row>
    <row r="18" spans="1:51" s="5" customFormat="1" ht="20.149999999999999" customHeight="1" x14ac:dyDescent="0.55000000000000004">
      <c r="A18" s="16"/>
      <c r="B18" s="147"/>
      <c r="C18" s="148"/>
      <c r="D18" s="160"/>
      <c r="E18" s="160"/>
      <c r="F18" s="167"/>
      <c r="G18" s="167"/>
      <c r="H18" s="168"/>
      <c r="I18" s="209" t="s">
        <v>53</v>
      </c>
      <c r="J18" s="210"/>
      <c r="K18" s="244"/>
      <c r="L18" s="201"/>
      <c r="M18" s="201"/>
      <c r="N18" s="201"/>
      <c r="O18" s="201"/>
      <c r="P18" s="201"/>
      <c r="Q18" s="201"/>
      <c r="R18" s="201"/>
      <c r="S18" s="201"/>
      <c r="T18" s="201"/>
      <c r="U18" s="201"/>
      <c r="V18" s="201"/>
      <c r="W18" s="209" t="s">
        <v>55</v>
      </c>
      <c r="X18" s="210"/>
      <c r="Y18" s="244"/>
      <c r="Z18" s="201"/>
      <c r="AA18" s="201"/>
      <c r="AB18" s="201"/>
      <c r="AC18" s="201"/>
      <c r="AD18" s="201"/>
      <c r="AE18" s="201"/>
      <c r="AF18" s="201"/>
      <c r="AG18" s="201"/>
      <c r="AH18" s="201"/>
      <c r="AI18" s="201"/>
      <c r="AJ18" s="201"/>
      <c r="AK18" s="201"/>
      <c r="AL18" s="201"/>
      <c r="AM18" s="206"/>
      <c r="AN18" s="16"/>
      <c r="AO18" s="16"/>
      <c r="AP18" s="16"/>
    </row>
    <row r="19" spans="1:51" s="5" customFormat="1" ht="20.149999999999999" customHeight="1" x14ac:dyDescent="0.55000000000000004">
      <c r="A19" s="16"/>
      <c r="B19" s="147"/>
      <c r="C19" s="148"/>
      <c r="D19" s="160"/>
      <c r="E19" s="160"/>
      <c r="F19" s="169" t="s">
        <v>13</v>
      </c>
      <c r="G19" s="170"/>
      <c r="H19" s="171"/>
      <c r="I19" s="211" t="s">
        <v>14</v>
      </c>
      <c r="J19" s="212"/>
      <c r="K19" s="208"/>
      <c r="L19" s="208"/>
      <c r="M19" s="208"/>
      <c r="N19" s="90" t="s">
        <v>3</v>
      </c>
      <c r="O19" s="121" t="s">
        <v>15</v>
      </c>
      <c r="P19" s="119"/>
      <c r="Q19" s="119"/>
      <c r="R19" s="208"/>
      <c r="S19" s="208"/>
      <c r="T19" s="208"/>
      <c r="U19" s="119" t="s">
        <v>187</v>
      </c>
      <c r="V19" s="119"/>
      <c r="W19" s="122" t="s">
        <v>188</v>
      </c>
      <c r="Y19" s="119"/>
      <c r="Z19" s="119"/>
      <c r="AA19" s="119"/>
      <c r="AB19" s="119"/>
      <c r="AC19" s="119"/>
      <c r="AD19" s="119"/>
      <c r="AE19" s="119"/>
      <c r="AF19" s="119"/>
      <c r="AG19" s="119"/>
      <c r="AH19" s="119"/>
      <c r="AI19" s="119"/>
      <c r="AJ19" s="119"/>
      <c r="AK19" s="119"/>
      <c r="AL19" s="119"/>
      <c r="AM19" s="120"/>
      <c r="AN19" s="16"/>
      <c r="AO19" s="16"/>
      <c r="AP19" s="16"/>
    </row>
    <row r="20" spans="1:51" s="5" customFormat="1" ht="20.149999999999999" customHeight="1" thickBot="1" x14ac:dyDescent="0.6">
      <c r="A20" s="16"/>
      <c r="B20" s="149"/>
      <c r="C20" s="150"/>
      <c r="D20" s="161"/>
      <c r="E20" s="161"/>
      <c r="F20" s="177" t="s">
        <v>17</v>
      </c>
      <c r="G20" s="178"/>
      <c r="H20" s="178"/>
      <c r="I20" s="179"/>
      <c r="J20" s="178"/>
      <c r="K20" s="178"/>
      <c r="L20" s="180"/>
      <c r="M20" s="181"/>
      <c r="N20" s="178"/>
      <c r="O20" s="178"/>
      <c r="P20" s="180"/>
      <c r="Q20" s="127"/>
      <c r="R20" s="424"/>
      <c r="S20" s="424"/>
      <c r="T20" s="117"/>
      <c r="U20" s="117"/>
      <c r="V20" s="114"/>
      <c r="W20" s="114"/>
      <c r="X20" s="114"/>
      <c r="Y20" s="114"/>
      <c r="Z20" s="115"/>
      <c r="AA20" s="114"/>
      <c r="AB20" s="114"/>
      <c r="AC20" s="116"/>
      <c r="AD20" s="117"/>
      <c r="AE20" s="117"/>
      <c r="AF20" s="117"/>
      <c r="AG20" s="117"/>
      <c r="AH20" s="117"/>
      <c r="AI20" s="117"/>
      <c r="AJ20" s="117"/>
      <c r="AK20" s="117"/>
      <c r="AL20" s="117"/>
      <c r="AM20" s="118"/>
      <c r="AN20" s="16"/>
      <c r="AO20" s="16"/>
      <c r="AP20" s="16"/>
    </row>
    <row r="21" spans="1:51" s="5" customFormat="1" ht="11.15" customHeight="1" thickBot="1" x14ac:dyDescent="0.2">
      <c r="A21" s="16"/>
      <c r="B21" s="16"/>
      <c r="C21" s="16"/>
      <c r="D21" s="16"/>
      <c r="E21" s="16"/>
      <c r="F21" s="16"/>
      <c r="G21" s="16"/>
      <c r="H21" s="94" t="s">
        <v>144</v>
      </c>
      <c r="I21" s="16"/>
      <c r="J21" s="16"/>
      <c r="K21" s="16"/>
      <c r="L21" s="16"/>
      <c r="M21" s="16"/>
      <c r="N21" s="16"/>
      <c r="O21" s="16"/>
      <c r="P21" s="16"/>
      <c r="Q21" s="16"/>
      <c r="R21" s="16"/>
      <c r="S21" s="16"/>
      <c r="T21" s="16"/>
      <c r="U21" s="16"/>
      <c r="V21" s="16"/>
      <c r="W21" s="16"/>
      <c r="X21" s="16"/>
      <c r="Y21" s="16"/>
      <c r="Z21" s="16"/>
      <c r="AA21" s="16"/>
      <c r="AB21" s="16"/>
      <c r="AC21" s="16"/>
      <c r="AD21" s="16"/>
      <c r="AE21" s="16"/>
      <c r="AF21" s="16"/>
      <c r="AG21" s="16"/>
      <c r="AH21" s="16"/>
      <c r="AI21" s="16"/>
      <c r="AJ21" s="16"/>
      <c r="AK21" s="16"/>
      <c r="AL21" s="16"/>
      <c r="AM21" s="16"/>
      <c r="AN21" s="16"/>
      <c r="AO21" s="16"/>
      <c r="AP21" s="16"/>
    </row>
    <row r="22" spans="1:51" s="5" customFormat="1" ht="20.149999999999999" customHeight="1" x14ac:dyDescent="0.55000000000000004">
      <c r="A22" s="16"/>
      <c r="B22" s="222" t="s">
        <v>134</v>
      </c>
      <c r="C22" s="223"/>
      <c r="D22" s="193" t="s">
        <v>135</v>
      </c>
      <c r="E22" s="194"/>
      <c r="F22" s="91" t="s">
        <v>54</v>
      </c>
      <c r="G22" s="195" t="s">
        <v>136</v>
      </c>
      <c r="H22" s="196"/>
      <c r="I22" s="196"/>
      <c r="J22" s="196"/>
      <c r="K22" s="196"/>
      <c r="L22" s="196"/>
      <c r="M22" s="196"/>
      <c r="N22" s="196"/>
      <c r="O22" s="196"/>
      <c r="P22" s="196"/>
      <c r="Q22" s="196"/>
      <c r="R22" s="196"/>
      <c r="S22" s="196"/>
      <c r="T22" s="196"/>
      <c r="U22" s="196"/>
      <c r="V22" s="196"/>
      <c r="W22" s="196"/>
      <c r="X22" s="196"/>
      <c r="Y22" s="196"/>
      <c r="Z22" s="196"/>
      <c r="AA22" s="196"/>
      <c r="AB22" s="196"/>
      <c r="AC22" s="196"/>
      <c r="AD22" s="196"/>
      <c r="AE22" s="196"/>
      <c r="AF22" s="196"/>
      <c r="AG22" s="196"/>
      <c r="AH22" s="196"/>
      <c r="AI22" s="196"/>
      <c r="AJ22" s="196"/>
      <c r="AK22" s="196"/>
      <c r="AL22" s="196"/>
      <c r="AM22" s="197"/>
      <c r="AN22" s="16"/>
      <c r="AO22" s="16"/>
      <c r="AP22" s="16"/>
    </row>
    <row r="23" spans="1:51" s="5" customFormat="1" ht="20.149999999999999" customHeight="1" x14ac:dyDescent="0.55000000000000004">
      <c r="A23" s="16"/>
      <c r="B23" s="224"/>
      <c r="C23" s="225"/>
      <c r="D23" s="198" t="s">
        <v>137</v>
      </c>
      <c r="E23" s="199"/>
      <c r="F23" s="92" t="s">
        <v>54</v>
      </c>
      <c r="G23" s="200"/>
      <c r="H23" s="201"/>
      <c r="I23" s="201"/>
      <c r="J23" s="201"/>
      <c r="K23" s="201"/>
      <c r="L23" s="201"/>
      <c r="M23" s="201"/>
      <c r="N23" s="201"/>
      <c r="O23" s="202"/>
      <c r="P23" s="203" t="s">
        <v>53</v>
      </c>
      <c r="Q23" s="204"/>
      <c r="R23" s="92" t="s">
        <v>54</v>
      </c>
      <c r="S23" s="200"/>
      <c r="T23" s="201"/>
      <c r="U23" s="201"/>
      <c r="V23" s="201"/>
      <c r="W23" s="201"/>
      <c r="X23" s="201"/>
      <c r="Y23" s="201"/>
      <c r="Z23" s="201"/>
      <c r="AA23" s="202"/>
      <c r="AB23" s="203" t="s">
        <v>55</v>
      </c>
      <c r="AC23" s="204"/>
      <c r="AD23" s="205"/>
      <c r="AE23" s="201"/>
      <c r="AF23" s="201"/>
      <c r="AG23" s="201"/>
      <c r="AH23" s="201"/>
      <c r="AI23" s="201"/>
      <c r="AJ23" s="201"/>
      <c r="AK23" s="201"/>
      <c r="AL23" s="201"/>
      <c r="AM23" s="206"/>
      <c r="AN23" s="16"/>
      <c r="AO23" s="16"/>
      <c r="AP23" s="16"/>
    </row>
    <row r="24" spans="1:51" s="5" customFormat="1" ht="20.149999999999999" customHeight="1" thickBot="1" x14ac:dyDescent="0.6">
      <c r="A24" s="16"/>
      <c r="B24" s="226"/>
      <c r="C24" s="227"/>
      <c r="D24" s="191" t="s">
        <v>138</v>
      </c>
      <c r="E24" s="192"/>
      <c r="F24" s="213" t="s">
        <v>139</v>
      </c>
      <c r="G24" s="207"/>
      <c r="H24" s="228"/>
      <c r="I24" s="228"/>
      <c r="J24" s="228"/>
      <c r="K24" s="228"/>
      <c r="L24" s="228"/>
      <c r="M24" s="228"/>
      <c r="N24" s="228"/>
      <c r="O24" s="228"/>
      <c r="P24" s="228"/>
      <c r="Q24" s="228"/>
      <c r="R24" s="228"/>
      <c r="S24" s="228"/>
      <c r="T24" s="228"/>
      <c r="U24" s="228"/>
      <c r="V24" s="228"/>
      <c r="W24" s="228"/>
      <c r="X24" s="228"/>
      <c r="Y24" s="228"/>
      <c r="Z24" s="228"/>
      <c r="AA24" s="228"/>
      <c r="AB24" s="228"/>
      <c r="AC24" s="228"/>
      <c r="AD24" s="228"/>
      <c r="AE24" s="228"/>
      <c r="AF24" s="228"/>
      <c r="AG24" s="228"/>
      <c r="AH24" s="228"/>
      <c r="AI24" s="228"/>
      <c r="AJ24" s="228"/>
      <c r="AK24" s="228"/>
      <c r="AL24" s="228"/>
      <c r="AM24" s="229"/>
      <c r="AN24" s="16"/>
      <c r="AO24" s="16"/>
      <c r="AP24" s="16"/>
    </row>
    <row r="25" spans="1:51" s="5" customFormat="1" ht="20.149999999999999" customHeight="1" x14ac:dyDescent="0.55000000000000004">
      <c r="A25" s="16"/>
      <c r="B25" s="247" t="s">
        <v>21</v>
      </c>
      <c r="C25" s="248"/>
      <c r="D25" s="193" t="s">
        <v>135</v>
      </c>
      <c r="E25" s="194"/>
      <c r="F25" s="91" t="s">
        <v>54</v>
      </c>
      <c r="G25" s="195" t="s">
        <v>140</v>
      </c>
      <c r="H25" s="196"/>
      <c r="I25" s="196"/>
      <c r="J25" s="196"/>
      <c r="K25" s="196"/>
      <c r="L25" s="196"/>
      <c r="M25" s="196"/>
      <c r="N25" s="196"/>
      <c r="O25" s="196"/>
      <c r="P25" s="196"/>
      <c r="Q25" s="196"/>
      <c r="R25" s="196"/>
      <c r="S25" s="196"/>
      <c r="T25" s="196"/>
      <c r="U25" s="196"/>
      <c r="V25" s="196"/>
      <c r="W25" s="196"/>
      <c r="X25" s="196"/>
      <c r="Y25" s="196"/>
      <c r="Z25" s="196"/>
      <c r="AA25" s="196"/>
      <c r="AB25" s="196"/>
      <c r="AC25" s="196"/>
      <c r="AD25" s="196"/>
      <c r="AE25" s="196"/>
      <c r="AF25" s="196"/>
      <c r="AG25" s="196"/>
      <c r="AH25" s="196"/>
      <c r="AI25" s="196"/>
      <c r="AJ25" s="196"/>
      <c r="AK25" s="196"/>
      <c r="AL25" s="196"/>
      <c r="AM25" s="197"/>
      <c r="AN25" s="16"/>
      <c r="AO25" s="16"/>
      <c r="AP25" s="16"/>
      <c r="AR25" s="66"/>
    </row>
    <row r="26" spans="1:51" s="5" customFormat="1" ht="20.149999999999999" customHeight="1" x14ac:dyDescent="0.55000000000000004">
      <c r="A26" s="16"/>
      <c r="B26" s="249"/>
      <c r="C26" s="250"/>
      <c r="D26" s="198" t="s">
        <v>137</v>
      </c>
      <c r="E26" s="199"/>
      <c r="F26" s="92" t="s">
        <v>54</v>
      </c>
      <c r="G26" s="200"/>
      <c r="H26" s="201"/>
      <c r="I26" s="201"/>
      <c r="J26" s="201"/>
      <c r="K26" s="201"/>
      <c r="L26" s="201"/>
      <c r="M26" s="201"/>
      <c r="N26" s="201"/>
      <c r="O26" s="202"/>
      <c r="P26" s="203" t="s">
        <v>53</v>
      </c>
      <c r="Q26" s="204"/>
      <c r="R26" s="92" t="s">
        <v>54</v>
      </c>
      <c r="S26" s="200"/>
      <c r="T26" s="201"/>
      <c r="U26" s="201"/>
      <c r="V26" s="201"/>
      <c r="W26" s="201"/>
      <c r="X26" s="201"/>
      <c r="Y26" s="201"/>
      <c r="Z26" s="201"/>
      <c r="AA26" s="202"/>
      <c r="AB26" s="203" t="s">
        <v>55</v>
      </c>
      <c r="AC26" s="204"/>
      <c r="AD26" s="205"/>
      <c r="AE26" s="201"/>
      <c r="AF26" s="201"/>
      <c r="AG26" s="201"/>
      <c r="AH26" s="201"/>
      <c r="AI26" s="201"/>
      <c r="AJ26" s="201"/>
      <c r="AK26" s="201"/>
      <c r="AL26" s="201"/>
      <c r="AM26" s="206"/>
      <c r="AN26" s="16"/>
      <c r="AO26" s="16"/>
      <c r="AP26" s="16"/>
      <c r="AY26" s="2"/>
    </row>
    <row r="27" spans="1:51" s="5" customFormat="1" ht="20.149999999999999" customHeight="1" thickBot="1" x14ac:dyDescent="0.6">
      <c r="A27" s="16"/>
      <c r="B27" s="249"/>
      <c r="C27" s="250"/>
      <c r="D27" s="191" t="s">
        <v>138</v>
      </c>
      <c r="E27" s="192"/>
      <c r="F27" s="213" t="s">
        <v>139</v>
      </c>
      <c r="G27" s="207"/>
      <c r="H27" s="228"/>
      <c r="I27" s="228"/>
      <c r="J27" s="228"/>
      <c r="K27" s="228"/>
      <c r="L27" s="228"/>
      <c r="M27" s="228"/>
      <c r="N27" s="228"/>
      <c r="O27" s="228"/>
      <c r="P27" s="228"/>
      <c r="Q27" s="228"/>
      <c r="R27" s="228"/>
      <c r="S27" s="228"/>
      <c r="T27" s="228"/>
      <c r="U27" s="228"/>
      <c r="V27" s="228"/>
      <c r="W27" s="228"/>
      <c r="X27" s="228"/>
      <c r="Y27" s="228"/>
      <c r="Z27" s="228"/>
      <c r="AA27" s="228"/>
      <c r="AB27" s="228"/>
      <c r="AC27" s="228"/>
      <c r="AD27" s="228"/>
      <c r="AE27" s="228"/>
      <c r="AF27" s="228"/>
      <c r="AG27" s="228"/>
      <c r="AH27" s="228"/>
      <c r="AI27" s="228"/>
      <c r="AJ27" s="228"/>
      <c r="AK27" s="228"/>
      <c r="AL27" s="228"/>
      <c r="AM27" s="229"/>
      <c r="AN27" s="16"/>
      <c r="AO27" s="16"/>
      <c r="AP27" s="16"/>
    </row>
    <row r="28" spans="1:51" s="5" customFormat="1" ht="20.149999999999999" customHeight="1" x14ac:dyDescent="0.55000000000000004">
      <c r="A28" s="16"/>
      <c r="B28" s="251" t="s">
        <v>50</v>
      </c>
      <c r="C28" s="252"/>
      <c r="D28" s="49" t="s">
        <v>18</v>
      </c>
      <c r="E28" s="50"/>
      <c r="F28" s="91" t="s">
        <v>54</v>
      </c>
      <c r="G28" s="195" t="s">
        <v>136</v>
      </c>
      <c r="H28" s="196"/>
      <c r="I28" s="196"/>
      <c r="J28" s="196"/>
      <c r="K28" s="196"/>
      <c r="L28" s="196"/>
      <c r="M28" s="196"/>
      <c r="N28" s="196"/>
      <c r="O28" s="196"/>
      <c r="P28" s="196"/>
      <c r="Q28" s="196"/>
      <c r="R28" s="196"/>
      <c r="S28" s="196"/>
      <c r="T28" s="196"/>
      <c r="U28" s="196"/>
      <c r="V28" s="196"/>
      <c r="W28" s="196"/>
      <c r="X28" s="196"/>
      <c r="Y28" s="196"/>
      <c r="Z28" s="196"/>
      <c r="AA28" s="196"/>
      <c r="AB28" s="196"/>
      <c r="AC28" s="196"/>
      <c r="AD28" s="196"/>
      <c r="AE28" s="196"/>
      <c r="AF28" s="196"/>
      <c r="AG28" s="196"/>
      <c r="AH28" s="196"/>
      <c r="AI28" s="196"/>
      <c r="AJ28" s="196"/>
      <c r="AK28" s="196"/>
      <c r="AL28" s="196"/>
      <c r="AM28" s="197"/>
      <c r="AN28" s="16"/>
      <c r="AO28" s="16"/>
      <c r="AP28" s="16"/>
    </row>
    <row r="29" spans="1:51" s="5" customFormat="1" ht="20.149999999999999" customHeight="1" x14ac:dyDescent="0.55000000000000004">
      <c r="A29" s="16"/>
      <c r="B29" s="253"/>
      <c r="C29" s="254"/>
      <c r="D29" s="49" t="s">
        <v>19</v>
      </c>
      <c r="E29" s="50"/>
      <c r="F29" s="93" t="s">
        <v>54</v>
      </c>
      <c r="G29" s="200"/>
      <c r="H29" s="201"/>
      <c r="I29" s="201"/>
      <c r="J29" s="201"/>
      <c r="K29" s="201"/>
      <c r="L29" s="201"/>
      <c r="M29" s="201"/>
      <c r="N29" s="201"/>
      <c r="O29" s="202"/>
      <c r="P29" s="203" t="s">
        <v>53</v>
      </c>
      <c r="Q29" s="204"/>
      <c r="R29" s="92" t="s">
        <v>54</v>
      </c>
      <c r="S29" s="200"/>
      <c r="T29" s="201"/>
      <c r="U29" s="201"/>
      <c r="V29" s="201"/>
      <c r="W29" s="201"/>
      <c r="X29" s="201"/>
      <c r="Y29" s="201"/>
      <c r="Z29" s="201"/>
      <c r="AA29" s="202"/>
      <c r="AB29" s="203" t="s">
        <v>55</v>
      </c>
      <c r="AC29" s="204"/>
      <c r="AD29" s="205"/>
      <c r="AE29" s="201"/>
      <c r="AF29" s="201"/>
      <c r="AG29" s="201"/>
      <c r="AH29" s="201"/>
      <c r="AI29" s="201"/>
      <c r="AJ29" s="201"/>
      <c r="AK29" s="201"/>
      <c r="AL29" s="201"/>
      <c r="AM29" s="206"/>
      <c r="AN29" s="16"/>
      <c r="AO29" s="16"/>
      <c r="AP29" s="16"/>
    </row>
    <row r="30" spans="1:51" s="5" customFormat="1" ht="20.149999999999999" customHeight="1" thickBot="1" x14ac:dyDescent="0.6">
      <c r="A30" s="16"/>
      <c r="B30" s="255"/>
      <c r="C30" s="256"/>
      <c r="D30" s="52" t="s">
        <v>20</v>
      </c>
      <c r="E30" s="53"/>
      <c r="F30" s="213" t="s">
        <v>139</v>
      </c>
      <c r="G30" s="207"/>
      <c r="H30" s="228"/>
      <c r="I30" s="228"/>
      <c r="J30" s="228"/>
      <c r="K30" s="228"/>
      <c r="L30" s="228"/>
      <c r="M30" s="228"/>
      <c r="N30" s="228"/>
      <c r="O30" s="228"/>
      <c r="P30" s="228"/>
      <c r="Q30" s="228"/>
      <c r="R30" s="228"/>
      <c r="S30" s="228"/>
      <c r="T30" s="228"/>
      <c r="U30" s="228"/>
      <c r="V30" s="228"/>
      <c r="W30" s="228"/>
      <c r="X30" s="228"/>
      <c r="Y30" s="228"/>
      <c r="Z30" s="228"/>
      <c r="AA30" s="228"/>
      <c r="AB30" s="228"/>
      <c r="AC30" s="228"/>
      <c r="AD30" s="228"/>
      <c r="AE30" s="228"/>
      <c r="AF30" s="228"/>
      <c r="AG30" s="228"/>
      <c r="AH30" s="228"/>
      <c r="AI30" s="228"/>
      <c r="AJ30" s="228"/>
      <c r="AK30" s="228"/>
      <c r="AL30" s="228"/>
      <c r="AM30" s="229"/>
      <c r="AN30" s="16"/>
      <c r="AO30" s="16"/>
      <c r="AP30" s="16"/>
    </row>
    <row r="31" spans="1:51" s="5" customFormat="1" ht="4.5" customHeight="1" thickBot="1" x14ac:dyDescent="0.6">
      <c r="A31" s="16"/>
      <c r="B31" s="16"/>
      <c r="C31" s="19"/>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6"/>
      <c r="AO31" s="16"/>
      <c r="AP31" s="16"/>
    </row>
    <row r="32" spans="1:51" s="5" customFormat="1" ht="23.25" customHeight="1" x14ac:dyDescent="0.55000000000000004">
      <c r="A32" s="16"/>
      <c r="B32" s="257" t="s">
        <v>22</v>
      </c>
      <c r="C32" s="258"/>
      <c r="D32" s="258"/>
      <c r="E32" s="259"/>
      <c r="F32" s="48" t="s">
        <v>43</v>
      </c>
      <c r="G32" s="56"/>
      <c r="H32" s="56"/>
      <c r="I32" s="57"/>
      <c r="J32" s="245"/>
      <c r="K32" s="196"/>
      <c r="L32" s="196"/>
      <c r="M32" s="196"/>
      <c r="N32" s="196"/>
      <c r="O32" s="196"/>
      <c r="P32" s="196"/>
      <c r="Q32" s="196"/>
      <c r="R32" s="196"/>
      <c r="S32" s="196"/>
      <c r="T32" s="196"/>
      <c r="U32" s="246"/>
      <c r="V32" s="58" t="s">
        <v>54</v>
      </c>
      <c r="W32" s="56" t="s">
        <v>56</v>
      </c>
      <c r="X32" s="56"/>
      <c r="Y32" s="56"/>
      <c r="Z32" s="57"/>
      <c r="AA32" s="245"/>
      <c r="AB32" s="196"/>
      <c r="AC32" s="196"/>
      <c r="AD32" s="196"/>
      <c r="AE32" s="196"/>
      <c r="AF32" s="196"/>
      <c r="AG32" s="196"/>
      <c r="AH32" s="196"/>
      <c r="AI32" s="196"/>
      <c r="AJ32" s="196"/>
      <c r="AK32" s="196"/>
      <c r="AL32" s="196"/>
      <c r="AM32" s="197"/>
      <c r="AN32" s="16"/>
      <c r="AO32" s="16"/>
      <c r="AP32" s="16"/>
    </row>
    <row r="33" spans="1:48" s="5" customFormat="1" ht="18.75" customHeight="1" x14ac:dyDescent="0.55000000000000004">
      <c r="A33" s="16"/>
      <c r="B33" s="305" t="s">
        <v>141</v>
      </c>
      <c r="C33" s="306"/>
      <c r="D33" s="220"/>
      <c r="E33" s="212"/>
      <c r="F33" s="212"/>
      <c r="G33" s="212"/>
      <c r="H33" s="212"/>
      <c r="I33" s="212"/>
      <c r="J33" s="221"/>
      <c r="K33" s="220"/>
      <c r="L33" s="212"/>
      <c r="M33" s="212"/>
      <c r="N33" s="212"/>
      <c r="O33" s="212"/>
      <c r="P33" s="212"/>
      <c r="Q33" s="212"/>
      <c r="R33" s="221"/>
      <c r="S33" s="220"/>
      <c r="T33" s="212"/>
      <c r="U33" s="212"/>
      <c r="V33" s="212"/>
      <c r="W33" s="212"/>
      <c r="X33" s="212"/>
      <c r="Y33" s="221"/>
      <c r="Z33" s="220"/>
      <c r="AA33" s="212"/>
      <c r="AB33" s="212"/>
      <c r="AC33" s="212"/>
      <c r="AD33" s="212"/>
      <c r="AE33" s="212"/>
      <c r="AF33" s="221"/>
      <c r="AG33" s="220"/>
      <c r="AH33" s="212"/>
      <c r="AI33" s="212"/>
      <c r="AJ33" s="212"/>
      <c r="AK33" s="212"/>
      <c r="AL33" s="212"/>
      <c r="AM33" s="304"/>
      <c r="AN33" s="16"/>
      <c r="AO33" s="16"/>
      <c r="AP33" s="16"/>
    </row>
    <row r="34" spans="1:48" s="5" customFormat="1" ht="18.75" customHeight="1" thickBot="1" x14ac:dyDescent="0.6">
      <c r="A34" s="16"/>
      <c r="B34" s="307"/>
      <c r="C34" s="308"/>
      <c r="D34" s="303"/>
      <c r="E34" s="178"/>
      <c r="F34" s="178"/>
      <c r="G34" s="178"/>
      <c r="H34" s="178"/>
      <c r="I34" s="178"/>
      <c r="J34" s="180"/>
      <c r="K34" s="303"/>
      <c r="L34" s="178"/>
      <c r="M34" s="178"/>
      <c r="N34" s="178"/>
      <c r="O34" s="228" t="s">
        <v>145</v>
      </c>
      <c r="P34" s="228"/>
      <c r="Q34" s="228"/>
      <c r="R34" s="228"/>
      <c r="S34" s="228"/>
      <c r="T34" s="228"/>
      <c r="U34" s="228"/>
      <c r="V34" s="228"/>
      <c r="W34" s="228"/>
      <c r="X34" s="228"/>
      <c r="Y34" s="228"/>
      <c r="Z34" s="228"/>
      <c r="AA34" s="228"/>
      <c r="AB34" s="228"/>
      <c r="AC34" s="228"/>
      <c r="AD34" s="228"/>
      <c r="AE34" s="228"/>
      <c r="AF34" s="228"/>
      <c r="AG34" s="228"/>
      <c r="AH34" s="228"/>
      <c r="AI34" s="228"/>
      <c r="AJ34" s="228"/>
      <c r="AK34" s="228"/>
      <c r="AL34" s="228"/>
      <c r="AM34" s="229"/>
      <c r="AN34" s="16"/>
      <c r="AO34" s="16"/>
      <c r="AP34" s="16"/>
    </row>
    <row r="35" spans="1:48" s="5" customFormat="1" ht="11.25" customHeight="1" thickBot="1" x14ac:dyDescent="0.6">
      <c r="AN35" s="16"/>
      <c r="AO35" s="16"/>
      <c r="AP35" s="16"/>
    </row>
    <row r="36" spans="1:48" s="5" customFormat="1" ht="20.149999999999999" customHeight="1" x14ac:dyDescent="0.55000000000000004">
      <c r="B36" s="260" t="s">
        <v>142</v>
      </c>
      <c r="C36" s="261"/>
      <c r="D36" s="182" t="s">
        <v>146</v>
      </c>
      <c r="E36" s="183"/>
      <c r="F36" s="183"/>
      <c r="G36" s="183"/>
      <c r="H36" s="183"/>
      <c r="I36" s="183"/>
      <c r="J36" s="183"/>
      <c r="K36" s="183"/>
      <c r="L36" s="183"/>
      <c r="M36" s="183"/>
      <c r="N36" s="183"/>
      <c r="O36" s="183"/>
      <c r="P36" s="183"/>
      <c r="Q36" s="183"/>
      <c r="R36" s="183"/>
      <c r="S36" s="183"/>
      <c r="T36" s="183"/>
      <c r="U36" s="183"/>
      <c r="V36" s="183"/>
      <c r="W36" s="183"/>
      <c r="X36" s="183"/>
      <c r="Y36" s="183"/>
      <c r="Z36" s="183"/>
      <c r="AA36" s="183"/>
      <c r="AB36" s="183"/>
      <c r="AC36" s="183"/>
      <c r="AD36" s="183"/>
      <c r="AE36" s="183"/>
      <c r="AF36" s="183"/>
      <c r="AG36" s="183"/>
      <c r="AH36" s="183"/>
      <c r="AI36" s="183"/>
      <c r="AJ36" s="183"/>
      <c r="AK36" s="183"/>
      <c r="AL36" s="183"/>
      <c r="AM36" s="184"/>
      <c r="AN36" s="16"/>
      <c r="AO36" s="16"/>
      <c r="AP36" s="16"/>
    </row>
    <row r="37" spans="1:48" s="5" customFormat="1" ht="12" customHeight="1" x14ac:dyDescent="0.55000000000000004">
      <c r="B37" s="262"/>
      <c r="C37" s="263"/>
      <c r="D37" s="185"/>
      <c r="E37" s="186"/>
      <c r="F37" s="186"/>
      <c r="G37" s="186"/>
      <c r="H37" s="186"/>
      <c r="I37" s="186"/>
      <c r="J37" s="186"/>
      <c r="K37" s="186"/>
      <c r="L37" s="186"/>
      <c r="M37" s="186"/>
      <c r="N37" s="186"/>
      <c r="O37" s="186"/>
      <c r="P37" s="186"/>
      <c r="Q37" s="186"/>
      <c r="R37" s="186"/>
      <c r="S37" s="186"/>
      <c r="T37" s="186"/>
      <c r="U37" s="186"/>
      <c r="V37" s="186"/>
      <c r="W37" s="186"/>
      <c r="X37" s="186"/>
      <c r="Y37" s="186"/>
      <c r="Z37" s="186"/>
      <c r="AA37" s="186"/>
      <c r="AB37" s="186"/>
      <c r="AC37" s="186"/>
      <c r="AD37" s="186"/>
      <c r="AE37" s="186"/>
      <c r="AF37" s="186"/>
      <c r="AG37" s="186"/>
      <c r="AH37" s="186"/>
      <c r="AI37" s="186"/>
      <c r="AJ37" s="186"/>
      <c r="AK37" s="186"/>
      <c r="AL37" s="186"/>
      <c r="AM37" s="187"/>
      <c r="AN37" s="16"/>
      <c r="AO37" s="16"/>
      <c r="AP37" s="16"/>
    </row>
    <row r="38" spans="1:48" s="5" customFormat="1" ht="17.25" customHeight="1" x14ac:dyDescent="0.55000000000000004">
      <c r="B38" s="262"/>
      <c r="C38" s="263"/>
      <c r="D38" s="185"/>
      <c r="E38" s="186"/>
      <c r="F38" s="186"/>
      <c r="G38" s="186"/>
      <c r="H38" s="186"/>
      <c r="I38" s="186"/>
      <c r="J38" s="186"/>
      <c r="K38" s="186"/>
      <c r="L38" s="186"/>
      <c r="M38" s="186"/>
      <c r="N38" s="186"/>
      <c r="O38" s="186"/>
      <c r="P38" s="186"/>
      <c r="Q38" s="186"/>
      <c r="R38" s="186"/>
      <c r="S38" s="186"/>
      <c r="T38" s="186"/>
      <c r="U38" s="186"/>
      <c r="V38" s="186"/>
      <c r="W38" s="186"/>
      <c r="X38" s="186"/>
      <c r="Y38" s="186"/>
      <c r="Z38" s="186"/>
      <c r="AA38" s="186"/>
      <c r="AB38" s="186"/>
      <c r="AC38" s="186"/>
      <c r="AD38" s="186"/>
      <c r="AE38" s="186"/>
      <c r="AF38" s="186"/>
      <c r="AG38" s="186"/>
      <c r="AH38" s="186"/>
      <c r="AI38" s="186"/>
      <c r="AJ38" s="186"/>
      <c r="AK38" s="186"/>
      <c r="AL38" s="186"/>
      <c r="AM38" s="187"/>
      <c r="AN38" s="16"/>
      <c r="AO38" s="16"/>
      <c r="AP38" s="16"/>
    </row>
    <row r="39" spans="1:48" s="5" customFormat="1" ht="19.5" customHeight="1" x14ac:dyDescent="0.55000000000000004">
      <c r="B39" s="262"/>
      <c r="C39" s="263"/>
      <c r="D39" s="185"/>
      <c r="E39" s="186"/>
      <c r="F39" s="186"/>
      <c r="G39" s="186"/>
      <c r="H39" s="186"/>
      <c r="I39" s="186"/>
      <c r="J39" s="186"/>
      <c r="K39" s="186"/>
      <c r="L39" s="186"/>
      <c r="M39" s="186"/>
      <c r="N39" s="186"/>
      <c r="O39" s="186"/>
      <c r="P39" s="186"/>
      <c r="Q39" s="186"/>
      <c r="R39" s="186"/>
      <c r="S39" s="186"/>
      <c r="T39" s="186"/>
      <c r="U39" s="186"/>
      <c r="V39" s="186"/>
      <c r="W39" s="186"/>
      <c r="X39" s="186"/>
      <c r="Y39" s="186"/>
      <c r="Z39" s="186"/>
      <c r="AA39" s="186"/>
      <c r="AB39" s="186"/>
      <c r="AC39" s="186"/>
      <c r="AD39" s="186"/>
      <c r="AE39" s="186"/>
      <c r="AF39" s="186"/>
      <c r="AG39" s="186"/>
      <c r="AH39" s="186"/>
      <c r="AI39" s="186"/>
      <c r="AJ39" s="186"/>
      <c r="AK39" s="186"/>
      <c r="AL39" s="186"/>
      <c r="AM39" s="187"/>
      <c r="AN39" s="16"/>
      <c r="AO39" s="16"/>
      <c r="AP39" s="16"/>
    </row>
    <row r="40" spans="1:48" s="5" customFormat="1" ht="12.75" customHeight="1" x14ac:dyDescent="0.55000000000000004">
      <c r="B40" s="262"/>
      <c r="C40" s="263"/>
      <c r="D40" s="188"/>
      <c r="E40" s="189"/>
      <c r="F40" s="189"/>
      <c r="G40" s="189"/>
      <c r="H40" s="189"/>
      <c r="I40" s="189"/>
      <c r="J40" s="189"/>
      <c r="K40" s="189"/>
      <c r="L40" s="189"/>
      <c r="M40" s="189"/>
      <c r="N40" s="189"/>
      <c r="O40" s="189"/>
      <c r="P40" s="189"/>
      <c r="Q40" s="189"/>
      <c r="R40" s="189"/>
      <c r="S40" s="189"/>
      <c r="T40" s="189"/>
      <c r="U40" s="189"/>
      <c r="V40" s="189"/>
      <c r="W40" s="189"/>
      <c r="X40" s="189"/>
      <c r="Y40" s="189"/>
      <c r="Z40" s="189"/>
      <c r="AA40" s="189"/>
      <c r="AB40" s="189"/>
      <c r="AC40" s="189"/>
      <c r="AD40" s="189"/>
      <c r="AE40" s="189"/>
      <c r="AF40" s="189"/>
      <c r="AG40" s="189"/>
      <c r="AH40" s="189"/>
      <c r="AI40" s="189"/>
      <c r="AJ40" s="189"/>
      <c r="AK40" s="189"/>
      <c r="AL40" s="189"/>
      <c r="AM40" s="190"/>
      <c r="AN40" s="16"/>
      <c r="AO40" s="16"/>
      <c r="AP40" s="16"/>
    </row>
    <row r="41" spans="1:48" s="5" customFormat="1" ht="15" customHeight="1" x14ac:dyDescent="0.55000000000000004">
      <c r="B41" s="264" t="s">
        <v>154</v>
      </c>
      <c r="C41" s="265"/>
      <c r="D41" s="96" t="s">
        <v>23</v>
      </c>
      <c r="E41" s="98" t="s">
        <v>156</v>
      </c>
      <c r="F41" s="97"/>
      <c r="G41" s="97"/>
      <c r="H41" s="97"/>
      <c r="I41" s="97"/>
      <c r="J41" s="97"/>
      <c r="K41" s="97"/>
      <c r="L41" s="97"/>
      <c r="M41" s="97"/>
      <c r="N41" s="97"/>
      <c r="O41" s="97"/>
      <c r="P41" s="97"/>
      <c r="Q41" s="97"/>
      <c r="R41" s="97"/>
      <c r="S41" s="97"/>
      <c r="T41" s="97"/>
      <c r="U41" s="97"/>
      <c r="V41" s="97"/>
      <c r="W41" s="97"/>
      <c r="X41" s="97"/>
      <c r="Y41" s="98"/>
      <c r="Z41" s="98"/>
      <c r="AA41" s="98"/>
      <c r="AB41" s="98"/>
      <c r="AC41" s="98"/>
      <c r="AD41" s="98"/>
      <c r="AE41" s="98"/>
      <c r="AF41" s="98"/>
      <c r="AG41" s="98"/>
      <c r="AH41" s="98"/>
      <c r="AI41" s="98"/>
      <c r="AJ41" s="98"/>
      <c r="AK41" s="99"/>
      <c r="AL41" s="99"/>
      <c r="AM41" s="100"/>
      <c r="AN41" s="16"/>
      <c r="AO41" s="16"/>
      <c r="AP41" s="16"/>
      <c r="AQ41" s="7"/>
    </row>
    <row r="42" spans="1:48" s="5" customFormat="1" ht="15" customHeight="1" x14ac:dyDescent="0.55000000000000004">
      <c r="B42" s="266"/>
      <c r="C42" s="267"/>
      <c r="D42" s="101"/>
      <c r="E42" s="5" t="s">
        <v>155</v>
      </c>
      <c r="F42" s="109"/>
      <c r="G42" s="109"/>
      <c r="H42" s="109"/>
      <c r="I42" s="109"/>
      <c r="J42" s="109"/>
      <c r="K42" s="109"/>
      <c r="L42" s="109"/>
      <c r="M42" s="109"/>
      <c r="N42" s="109"/>
      <c r="O42" s="109"/>
      <c r="P42" s="109"/>
      <c r="Q42" s="109"/>
      <c r="R42" s="109"/>
      <c r="S42" s="109"/>
      <c r="T42" s="109"/>
      <c r="U42" s="109"/>
      <c r="V42" s="109"/>
      <c r="W42" s="109"/>
      <c r="X42" s="109"/>
      <c r="AK42" s="7"/>
      <c r="AL42" s="7"/>
      <c r="AM42" s="103"/>
      <c r="AN42" s="16"/>
      <c r="AO42" s="16"/>
      <c r="AP42" s="16"/>
      <c r="AQ42" s="7"/>
    </row>
    <row r="43" spans="1:48" s="5" customFormat="1" ht="25" customHeight="1" x14ac:dyDescent="0.55000000000000004">
      <c r="B43" s="266"/>
      <c r="C43" s="267"/>
      <c r="D43" s="101"/>
      <c r="G43" s="102"/>
      <c r="H43" s="102"/>
      <c r="I43" s="102"/>
      <c r="J43" s="102"/>
      <c r="K43" s="102"/>
      <c r="L43" s="102"/>
      <c r="M43" s="102"/>
      <c r="N43" s="102"/>
      <c r="O43" s="102"/>
      <c r="P43" s="102"/>
      <c r="Q43" s="102"/>
      <c r="R43" s="102"/>
      <c r="S43" s="102"/>
      <c r="T43" s="102"/>
      <c r="U43" s="102"/>
      <c r="V43" s="102"/>
      <c r="W43" s="102"/>
      <c r="X43" s="102"/>
      <c r="AK43" s="7"/>
      <c r="AL43" s="7"/>
      <c r="AM43" s="103"/>
      <c r="AN43" s="16"/>
      <c r="AO43" s="16"/>
      <c r="AP43" s="16"/>
      <c r="AQ43" s="7"/>
      <c r="AV43" s="110"/>
    </row>
    <row r="44" spans="1:48" s="5" customFormat="1" ht="15" customHeight="1" x14ac:dyDescent="0.55000000000000004">
      <c r="B44" s="266"/>
      <c r="C44" s="267"/>
      <c r="D44" s="101" t="s">
        <v>148</v>
      </c>
      <c r="E44" s="5" t="s">
        <v>158</v>
      </c>
      <c r="F44" s="105"/>
      <c r="G44" s="102"/>
      <c r="H44" s="102"/>
      <c r="I44" s="102"/>
      <c r="J44" s="102"/>
      <c r="K44" s="102"/>
      <c r="L44" s="102"/>
      <c r="M44" s="102"/>
      <c r="N44" s="102"/>
      <c r="O44" s="102"/>
      <c r="P44" s="102"/>
      <c r="Q44" s="102"/>
      <c r="R44" s="102"/>
      <c r="S44" s="102"/>
      <c r="T44" s="102"/>
      <c r="U44" s="102"/>
      <c r="V44" s="102"/>
      <c r="W44" s="102"/>
      <c r="X44" s="102"/>
      <c r="AK44" s="7"/>
      <c r="AL44" s="7"/>
      <c r="AM44" s="103"/>
      <c r="AN44" s="16"/>
      <c r="AO44" s="16"/>
      <c r="AP44" s="16"/>
      <c r="AQ44" s="7"/>
    </row>
    <row r="45" spans="1:48" s="5" customFormat="1" ht="15" customHeight="1" x14ac:dyDescent="0.55000000000000004">
      <c r="B45" s="266"/>
      <c r="C45" s="267"/>
      <c r="D45" s="101"/>
      <c r="E45" s="5" t="s">
        <v>157</v>
      </c>
      <c r="F45" s="105"/>
      <c r="G45" s="102"/>
      <c r="H45" s="102"/>
      <c r="I45" s="102"/>
      <c r="J45" s="102"/>
      <c r="K45" s="102"/>
      <c r="L45" s="102"/>
      <c r="M45" s="102"/>
      <c r="N45" s="102"/>
      <c r="O45" s="102"/>
      <c r="P45" s="102"/>
      <c r="Q45" s="102"/>
      <c r="R45" s="102"/>
      <c r="S45" s="102"/>
      <c r="T45" s="102"/>
      <c r="U45" s="102"/>
      <c r="V45" s="102"/>
      <c r="W45" s="102"/>
      <c r="X45" s="102"/>
      <c r="AK45" s="7"/>
      <c r="AL45" s="7"/>
      <c r="AM45" s="103"/>
      <c r="AN45" s="16"/>
      <c r="AO45" s="16"/>
      <c r="AP45" s="16"/>
      <c r="AQ45" s="7"/>
    </row>
    <row r="46" spans="1:48" s="5" customFormat="1" ht="25" customHeight="1" x14ac:dyDescent="0.55000000000000004">
      <c r="B46" s="266"/>
      <c r="C46" s="267"/>
      <c r="D46" s="101"/>
      <c r="E46" s="104"/>
      <c r="F46" s="105"/>
      <c r="G46" s="102"/>
      <c r="H46" s="102"/>
      <c r="I46" s="102"/>
      <c r="J46" s="102"/>
      <c r="K46" s="102"/>
      <c r="L46" s="102"/>
      <c r="M46" s="102"/>
      <c r="N46" s="102"/>
      <c r="O46" s="102"/>
      <c r="P46" s="102"/>
      <c r="Q46" s="102"/>
      <c r="R46" s="102"/>
      <c r="S46" s="102"/>
      <c r="T46" s="102"/>
      <c r="U46" s="102"/>
      <c r="V46" s="102"/>
      <c r="W46" s="102"/>
      <c r="X46" s="102"/>
      <c r="AK46" s="7"/>
      <c r="AL46" s="7"/>
      <c r="AM46" s="103"/>
      <c r="AN46" s="16"/>
      <c r="AO46" s="16"/>
      <c r="AP46" s="16"/>
      <c r="AQ46" s="7"/>
    </row>
    <row r="47" spans="1:48" s="5" customFormat="1" ht="15" customHeight="1" x14ac:dyDescent="0.55000000000000004">
      <c r="B47" s="266"/>
      <c r="C47" s="267"/>
      <c r="D47" s="106" t="s">
        <v>151</v>
      </c>
      <c r="E47" s="107"/>
      <c r="F47" s="105"/>
      <c r="G47" s="102"/>
      <c r="H47" s="102"/>
      <c r="I47" s="102"/>
      <c r="J47" s="102"/>
      <c r="K47" s="102"/>
      <c r="L47" s="102"/>
      <c r="M47" s="102"/>
      <c r="N47" s="102"/>
      <c r="O47" s="102"/>
      <c r="P47" s="102"/>
      <c r="Q47" s="102"/>
      <c r="R47" s="102"/>
      <c r="S47" s="102"/>
      <c r="T47" s="102"/>
      <c r="U47" s="102"/>
      <c r="V47" s="102"/>
      <c r="W47" s="102"/>
      <c r="X47" s="102"/>
      <c r="AK47" s="7"/>
      <c r="AL47" s="7"/>
      <c r="AM47" s="103"/>
      <c r="AN47" s="16"/>
      <c r="AO47" s="16"/>
      <c r="AP47" s="16"/>
      <c r="AQ47" s="7"/>
    </row>
    <row r="48" spans="1:48" s="5" customFormat="1" ht="15" customHeight="1" x14ac:dyDescent="0.55000000000000004">
      <c r="B48" s="266"/>
      <c r="C48" s="267"/>
      <c r="D48" s="106" t="s">
        <v>160</v>
      </c>
      <c r="E48" s="107"/>
      <c r="AM48" s="103"/>
      <c r="AN48" s="16"/>
      <c r="AO48" s="16"/>
      <c r="AP48" s="16"/>
    </row>
    <row r="49" spans="2:42" s="5" customFormat="1" ht="15" customHeight="1" x14ac:dyDescent="0.55000000000000004">
      <c r="B49" s="266"/>
      <c r="C49" s="267"/>
      <c r="D49" s="106" t="s">
        <v>150</v>
      </c>
      <c r="E49" s="107"/>
      <c r="Y49" s="108"/>
      <c r="AI49" s="104"/>
      <c r="AM49" s="103"/>
      <c r="AN49" s="16"/>
      <c r="AO49" s="16"/>
      <c r="AP49" s="16"/>
    </row>
    <row r="50" spans="2:42" s="5" customFormat="1" ht="15" customHeight="1" x14ac:dyDescent="0.55000000000000004">
      <c r="B50" s="266"/>
      <c r="C50" s="267"/>
      <c r="D50" s="106"/>
      <c r="E50" s="107"/>
      <c r="F50" s="107" t="s">
        <v>159</v>
      </c>
      <c r="L50" s="108" t="s">
        <v>149</v>
      </c>
      <c r="Y50" s="108"/>
      <c r="AI50" s="104"/>
      <c r="AM50" s="103"/>
      <c r="AN50" s="16"/>
      <c r="AO50" s="16"/>
      <c r="AP50" s="16"/>
    </row>
    <row r="51" spans="2:42" s="5" customFormat="1" ht="15" customHeight="1" x14ac:dyDescent="0.55000000000000004">
      <c r="B51" s="266"/>
      <c r="C51" s="267"/>
      <c r="D51" s="101" t="s">
        <v>24</v>
      </c>
      <c r="E51" s="104" t="s">
        <v>175</v>
      </c>
      <c r="F51" s="107"/>
      <c r="L51" s="108"/>
      <c r="AI51" s="104"/>
      <c r="AM51" s="103"/>
      <c r="AN51" s="16"/>
      <c r="AO51" s="16"/>
      <c r="AP51" s="16"/>
    </row>
    <row r="52" spans="2:42" s="5" customFormat="1" ht="15" customHeight="1" x14ac:dyDescent="0.55000000000000004">
      <c r="B52" s="266"/>
      <c r="C52" s="267"/>
      <c r="D52" s="106"/>
      <c r="E52" s="107"/>
      <c r="F52" s="95" t="s">
        <v>161</v>
      </c>
      <c r="G52" s="111"/>
      <c r="H52" s="111"/>
      <c r="I52" s="111" t="s">
        <v>164</v>
      </c>
      <c r="J52" s="298"/>
      <c r="K52" s="299"/>
      <c r="L52" s="299"/>
      <c r="M52" s="299"/>
      <c r="N52" s="299"/>
      <c r="O52" s="299"/>
      <c r="P52" s="299"/>
      <c r="Q52" s="299"/>
      <c r="R52" s="299"/>
      <c r="S52" s="299"/>
      <c r="T52" s="299"/>
      <c r="U52" s="299"/>
      <c r="V52" s="299"/>
      <c r="W52" s="299"/>
      <c r="X52" s="299"/>
      <c r="Y52" s="299"/>
      <c r="Z52" s="299"/>
      <c r="AA52" s="299"/>
      <c r="AB52" s="299"/>
      <c r="AC52" s="299"/>
      <c r="AD52" s="299"/>
      <c r="AE52" s="299"/>
      <c r="AF52" s="299"/>
      <c r="AG52" s="299"/>
      <c r="AH52" s="299"/>
      <c r="AI52" s="299"/>
      <c r="AJ52" s="299"/>
      <c r="AK52" s="299"/>
      <c r="AL52" s="300"/>
      <c r="AM52" s="103"/>
      <c r="AN52" s="16"/>
      <c r="AO52" s="16"/>
      <c r="AP52" s="16"/>
    </row>
    <row r="53" spans="2:42" s="5" customFormat="1" ht="15" customHeight="1" x14ac:dyDescent="0.55000000000000004">
      <c r="B53" s="266"/>
      <c r="C53" s="267"/>
      <c r="D53" s="106"/>
      <c r="E53" s="107"/>
      <c r="F53" s="95" t="s">
        <v>162</v>
      </c>
      <c r="G53" s="111"/>
      <c r="H53" s="111"/>
      <c r="I53" s="111" t="s">
        <v>164</v>
      </c>
      <c r="J53" s="298"/>
      <c r="K53" s="299"/>
      <c r="L53" s="299"/>
      <c r="M53" s="299"/>
      <c r="N53" s="299"/>
      <c r="O53" s="299"/>
      <c r="P53" s="299"/>
      <c r="Q53" s="299"/>
      <c r="R53" s="299"/>
      <c r="S53" s="299"/>
      <c r="T53" s="299"/>
      <c r="U53" s="299"/>
      <c r="V53" s="299"/>
      <c r="W53" s="299"/>
      <c r="X53" s="299"/>
      <c r="Y53" s="299"/>
      <c r="Z53" s="299"/>
      <c r="AA53" s="299"/>
      <c r="AB53" s="299"/>
      <c r="AC53" s="299"/>
      <c r="AD53" s="299"/>
      <c r="AE53" s="299"/>
      <c r="AF53" s="299"/>
      <c r="AG53" s="299"/>
      <c r="AH53" s="299"/>
      <c r="AI53" s="299"/>
      <c r="AJ53" s="299"/>
      <c r="AK53" s="299"/>
      <c r="AL53" s="300"/>
      <c r="AM53" s="103"/>
      <c r="AN53" s="16"/>
      <c r="AO53" s="16"/>
      <c r="AP53" s="16"/>
    </row>
    <row r="54" spans="2:42" s="5" customFormat="1" ht="15" customHeight="1" x14ac:dyDescent="0.55000000000000004">
      <c r="B54" s="266"/>
      <c r="C54" s="267"/>
      <c r="D54" s="107"/>
      <c r="E54" s="107"/>
      <c r="F54" s="95"/>
      <c r="G54" s="111" t="s">
        <v>163</v>
      </c>
      <c r="H54" s="111"/>
      <c r="I54" s="111" t="s">
        <v>164</v>
      </c>
      <c r="J54" s="298"/>
      <c r="K54" s="299"/>
      <c r="L54" s="299"/>
      <c r="M54" s="299"/>
      <c r="N54" s="299"/>
      <c r="O54" s="299"/>
      <c r="P54" s="299"/>
      <c r="Q54" s="299"/>
      <c r="R54" s="299"/>
      <c r="S54" s="299"/>
      <c r="T54" s="299"/>
      <c r="U54" s="299"/>
      <c r="V54" s="299"/>
      <c r="W54" s="299"/>
      <c r="X54" s="299"/>
      <c r="Y54" s="299"/>
      <c r="Z54" s="299"/>
      <c r="AA54" s="299"/>
      <c r="AB54" s="299"/>
      <c r="AC54" s="299"/>
      <c r="AD54" s="299"/>
      <c r="AE54" s="299"/>
      <c r="AF54" s="299"/>
      <c r="AG54" s="299"/>
      <c r="AH54" s="299"/>
      <c r="AI54" s="299"/>
      <c r="AJ54" s="299"/>
      <c r="AK54" s="299"/>
      <c r="AL54" s="300"/>
      <c r="AM54" s="103"/>
      <c r="AN54" s="16"/>
      <c r="AO54" s="16"/>
      <c r="AP54" s="16"/>
    </row>
    <row r="55" spans="2:42" s="5" customFormat="1" ht="5" customHeight="1" thickBot="1" x14ac:dyDescent="0.6">
      <c r="B55" s="266"/>
      <c r="C55" s="267"/>
      <c r="F55" s="107"/>
      <c r="G55" s="107"/>
      <c r="H55" s="107"/>
      <c r="I55" s="107"/>
      <c r="J55" s="107"/>
      <c r="K55" s="107"/>
      <c r="L55" s="107"/>
      <c r="O55" s="107"/>
      <c r="P55" s="107"/>
      <c r="AM55" s="103"/>
      <c r="AN55" s="16"/>
      <c r="AO55" s="16"/>
      <c r="AP55" s="16"/>
    </row>
    <row r="56" spans="2:42" s="5" customFormat="1" ht="22" customHeight="1" x14ac:dyDescent="0.55000000000000004">
      <c r="B56" s="301" t="s">
        <v>147</v>
      </c>
      <c r="C56" s="301"/>
      <c r="D56" s="301"/>
      <c r="E56" s="301"/>
      <c r="F56" s="301"/>
      <c r="G56" s="301"/>
      <c r="H56" s="301"/>
      <c r="I56" s="301"/>
      <c r="J56" s="301"/>
      <c r="K56" s="301"/>
      <c r="L56" s="301"/>
      <c r="M56" s="301"/>
      <c r="N56" s="301"/>
      <c r="O56" s="301"/>
      <c r="P56" s="301"/>
      <c r="Q56" s="301"/>
      <c r="R56" s="301"/>
      <c r="S56" s="301"/>
      <c r="T56" s="301"/>
      <c r="U56" s="301"/>
      <c r="V56" s="301"/>
      <c r="W56" s="301"/>
      <c r="X56" s="301"/>
      <c r="Y56" s="301"/>
      <c r="Z56" s="301"/>
      <c r="AA56" s="301"/>
      <c r="AB56" s="301"/>
      <c r="AC56" s="301"/>
      <c r="AD56" s="301"/>
      <c r="AE56" s="301"/>
      <c r="AF56" s="301"/>
      <c r="AG56" s="301"/>
      <c r="AH56" s="301"/>
      <c r="AI56" s="301"/>
      <c r="AJ56" s="301"/>
      <c r="AK56" s="301"/>
      <c r="AL56" s="301"/>
      <c r="AM56" s="301"/>
      <c r="AN56" s="16"/>
      <c r="AO56" s="16"/>
      <c r="AP56" s="16"/>
    </row>
    <row r="57" spans="2:42" s="5" customFormat="1" ht="24.75" customHeight="1" x14ac:dyDescent="0.55000000000000004">
      <c r="B57" s="302"/>
      <c r="C57" s="302"/>
      <c r="D57" s="302"/>
      <c r="E57" s="302"/>
      <c r="F57" s="302"/>
      <c r="G57" s="302"/>
      <c r="H57" s="302"/>
      <c r="I57" s="302"/>
      <c r="J57" s="302"/>
      <c r="K57" s="302"/>
      <c r="L57" s="302"/>
      <c r="M57" s="302"/>
      <c r="N57" s="302"/>
      <c r="O57" s="302"/>
      <c r="P57" s="302"/>
      <c r="Q57" s="302"/>
      <c r="R57" s="302"/>
      <c r="S57" s="302"/>
      <c r="T57" s="302"/>
      <c r="U57" s="302"/>
      <c r="V57" s="302"/>
      <c r="W57" s="302"/>
      <c r="X57" s="302"/>
      <c r="Y57" s="302"/>
      <c r="Z57" s="302"/>
      <c r="AA57" s="302"/>
      <c r="AB57" s="302"/>
      <c r="AC57" s="302"/>
      <c r="AD57" s="302"/>
      <c r="AE57" s="302"/>
      <c r="AF57" s="302"/>
      <c r="AG57" s="302"/>
      <c r="AH57" s="302"/>
      <c r="AI57" s="302"/>
      <c r="AJ57" s="302"/>
      <c r="AK57" s="302"/>
      <c r="AL57" s="302"/>
      <c r="AM57" s="302"/>
      <c r="AN57" s="16"/>
      <c r="AO57" s="16"/>
      <c r="AP57" s="16"/>
    </row>
    <row r="58" spans="2:42" s="5" customFormat="1" ht="9.75" customHeight="1" x14ac:dyDescent="0.55000000000000004">
      <c r="B58" s="302"/>
      <c r="C58" s="302"/>
      <c r="D58" s="302"/>
      <c r="E58" s="302"/>
      <c r="F58" s="302"/>
      <c r="G58" s="302"/>
      <c r="H58" s="302"/>
      <c r="I58" s="302"/>
      <c r="J58" s="302"/>
      <c r="K58" s="302"/>
      <c r="L58" s="302"/>
      <c r="M58" s="302"/>
      <c r="N58" s="302"/>
      <c r="O58" s="302"/>
      <c r="P58" s="302"/>
      <c r="Q58" s="302"/>
      <c r="R58" s="302"/>
      <c r="S58" s="302"/>
      <c r="T58" s="302"/>
      <c r="U58" s="302"/>
      <c r="V58" s="302"/>
      <c r="W58" s="302"/>
      <c r="X58" s="302"/>
      <c r="Y58" s="302"/>
      <c r="Z58" s="302"/>
      <c r="AA58" s="302"/>
      <c r="AB58" s="302"/>
      <c r="AC58" s="302"/>
      <c r="AD58" s="302"/>
      <c r="AE58" s="302"/>
      <c r="AF58" s="302"/>
      <c r="AG58" s="302"/>
      <c r="AH58" s="302"/>
      <c r="AI58" s="302"/>
      <c r="AJ58" s="302"/>
      <c r="AK58" s="302"/>
      <c r="AL58" s="302"/>
      <c r="AM58" s="302"/>
      <c r="AN58" s="16"/>
      <c r="AO58" s="16"/>
      <c r="AP58" s="16"/>
    </row>
    <row r="59" spans="2:42" s="5" customFormat="1" ht="6.75" customHeight="1" x14ac:dyDescent="0.55000000000000004">
      <c r="B59" s="302"/>
      <c r="C59" s="302"/>
      <c r="D59" s="302"/>
      <c r="E59" s="302"/>
      <c r="F59" s="302"/>
      <c r="G59" s="302"/>
      <c r="H59" s="302"/>
      <c r="I59" s="302"/>
      <c r="J59" s="302"/>
      <c r="K59" s="302"/>
      <c r="L59" s="302"/>
      <c r="M59" s="302"/>
      <c r="N59" s="302"/>
      <c r="O59" s="302"/>
      <c r="P59" s="302"/>
      <c r="Q59" s="302"/>
      <c r="R59" s="302"/>
      <c r="S59" s="302"/>
      <c r="T59" s="302"/>
      <c r="U59" s="302"/>
      <c r="V59" s="302"/>
      <c r="W59" s="302"/>
      <c r="X59" s="302"/>
      <c r="Y59" s="302"/>
      <c r="Z59" s="302"/>
      <c r="AA59" s="302"/>
      <c r="AB59" s="302"/>
      <c r="AC59" s="302"/>
      <c r="AD59" s="302"/>
      <c r="AE59" s="302"/>
      <c r="AF59" s="302"/>
      <c r="AG59" s="302"/>
      <c r="AH59" s="302"/>
      <c r="AI59" s="302"/>
      <c r="AJ59" s="302"/>
      <c r="AK59" s="302"/>
      <c r="AL59" s="302"/>
      <c r="AM59" s="302"/>
      <c r="AN59" s="16"/>
      <c r="AO59" s="16"/>
      <c r="AP59" s="16"/>
    </row>
    <row r="60" spans="2:42" s="5" customFormat="1" ht="6.75" customHeight="1" x14ac:dyDescent="0.55000000000000004">
      <c r="B60" s="302"/>
      <c r="C60" s="302"/>
      <c r="D60" s="302"/>
      <c r="E60" s="302"/>
      <c r="F60" s="302"/>
      <c r="G60" s="302"/>
      <c r="H60" s="302"/>
      <c r="I60" s="302"/>
      <c r="J60" s="302"/>
      <c r="K60" s="302"/>
      <c r="L60" s="302"/>
      <c r="M60" s="302"/>
      <c r="N60" s="302"/>
      <c r="O60" s="302"/>
      <c r="P60" s="302"/>
      <c r="Q60" s="302"/>
      <c r="R60" s="302"/>
      <c r="S60" s="302"/>
      <c r="T60" s="302"/>
      <c r="U60" s="302"/>
      <c r="V60" s="302"/>
      <c r="W60" s="302"/>
      <c r="X60" s="302"/>
      <c r="Y60" s="302"/>
      <c r="Z60" s="302"/>
      <c r="AA60" s="302"/>
      <c r="AB60" s="302"/>
      <c r="AC60" s="302"/>
      <c r="AD60" s="302"/>
      <c r="AE60" s="302"/>
      <c r="AF60" s="302"/>
      <c r="AG60" s="302"/>
      <c r="AH60" s="302"/>
      <c r="AI60" s="302"/>
      <c r="AJ60" s="302"/>
      <c r="AK60" s="302"/>
      <c r="AL60" s="302"/>
      <c r="AM60" s="302"/>
      <c r="AN60" s="16"/>
      <c r="AO60" s="16"/>
      <c r="AP60" s="16"/>
    </row>
    <row r="61" spans="2:42" ht="15" customHeight="1" x14ac:dyDescent="0.55000000000000004">
      <c r="B61" s="302"/>
      <c r="C61" s="302"/>
      <c r="D61" s="302"/>
      <c r="E61" s="302"/>
      <c r="F61" s="302"/>
      <c r="G61" s="302"/>
      <c r="H61" s="302"/>
      <c r="I61" s="302"/>
      <c r="J61" s="302"/>
      <c r="K61" s="302"/>
      <c r="L61" s="302"/>
      <c r="M61" s="302"/>
      <c r="N61" s="302"/>
      <c r="O61" s="302"/>
      <c r="P61" s="302"/>
      <c r="Q61" s="302"/>
      <c r="R61" s="302"/>
      <c r="S61" s="302"/>
      <c r="T61" s="302"/>
      <c r="U61" s="302"/>
      <c r="V61" s="302"/>
      <c r="W61" s="302"/>
      <c r="X61" s="302"/>
      <c r="Y61" s="302"/>
      <c r="Z61" s="302"/>
      <c r="AA61" s="302"/>
      <c r="AB61" s="302"/>
      <c r="AC61" s="302"/>
      <c r="AD61" s="302"/>
      <c r="AE61" s="302"/>
      <c r="AF61" s="302"/>
      <c r="AG61" s="302"/>
      <c r="AH61" s="302"/>
      <c r="AI61" s="302"/>
      <c r="AJ61" s="302"/>
      <c r="AK61" s="302"/>
      <c r="AL61" s="302"/>
      <c r="AM61" s="302"/>
      <c r="AN61" s="10"/>
      <c r="AO61" s="10"/>
      <c r="AP61" s="10"/>
    </row>
    <row r="62" spans="2:42" ht="0.75" hidden="1" customHeight="1" x14ac:dyDescent="0.55000000000000004"/>
  </sheetData>
  <sheetProtection algorithmName="SHA-512" hashValue="WYvBTVduQ3Z7KtM7hgFzfPI86USgQacg/FbCv2Vv+NNL8J8iSiJRuupaMJ6c7amUfsHNKwA1RTqp46KM6LaqiQ==" saltValue="BWKVBHzUpx1TjvfcRXAmQQ==" spinCount="100000" sheet="1" formatCells="0" formatColumns="0" formatRows="0" insertColumns="0" insertRows="0" insertHyperlinks="0" deleteColumns="0" deleteRows="0" sort="0" autoFilter="0" pivotTables="0"/>
  <mergeCells count="110">
    <mergeCell ref="J52:AL52"/>
    <mergeCell ref="J53:AL53"/>
    <mergeCell ref="J54:AL54"/>
    <mergeCell ref="B56:AM61"/>
    <mergeCell ref="D34:J34"/>
    <mergeCell ref="K34:N34"/>
    <mergeCell ref="O34:AM34"/>
    <mergeCell ref="F24:G24"/>
    <mergeCell ref="D25:E25"/>
    <mergeCell ref="G25:AM25"/>
    <mergeCell ref="D26:E26"/>
    <mergeCell ref="G26:O26"/>
    <mergeCell ref="P26:Q26"/>
    <mergeCell ref="S26:AA26"/>
    <mergeCell ref="AB26:AC26"/>
    <mergeCell ref="AD26:AM26"/>
    <mergeCell ref="H27:AM27"/>
    <mergeCell ref="F27:G27"/>
    <mergeCell ref="G28:AM28"/>
    <mergeCell ref="S33:Y33"/>
    <mergeCell ref="Z33:AF33"/>
    <mergeCell ref="AG33:AM33"/>
    <mergeCell ref="B33:C34"/>
    <mergeCell ref="AA32:AM32"/>
    <mergeCell ref="B25:C27"/>
    <mergeCell ref="B28:C30"/>
    <mergeCell ref="B32:E32"/>
    <mergeCell ref="B36:C40"/>
    <mergeCell ref="B41:C55"/>
    <mergeCell ref="K33:R33"/>
    <mergeCell ref="A1:D1"/>
    <mergeCell ref="E1:V1"/>
    <mergeCell ref="W1:Y1"/>
    <mergeCell ref="P2:Q8"/>
    <mergeCell ref="R3:AM3"/>
    <mergeCell ref="R4:U6"/>
    <mergeCell ref="V4:AM4"/>
    <mergeCell ref="V5:AM5"/>
    <mergeCell ref="V6:AM6"/>
    <mergeCell ref="R7:T7"/>
    <mergeCell ref="U7:AB7"/>
    <mergeCell ref="AC7:AE7"/>
    <mergeCell ref="AF7:AM7"/>
    <mergeCell ref="B2:O8"/>
    <mergeCell ref="Z1:AD1"/>
    <mergeCell ref="AF1:AH1"/>
    <mergeCell ref="AJ1:AL1"/>
    <mergeCell ref="U2:AM2"/>
    <mergeCell ref="R19:T19"/>
    <mergeCell ref="I18:J18"/>
    <mergeCell ref="I19:J19"/>
    <mergeCell ref="F30:G30"/>
    <mergeCell ref="I15:J17"/>
    <mergeCell ref="D33:J33"/>
    <mergeCell ref="B22:C24"/>
    <mergeCell ref="H24:AM24"/>
    <mergeCell ref="AE15:AH15"/>
    <mergeCell ref="AI15:AM15"/>
    <mergeCell ref="AC17:AM17"/>
    <mergeCell ref="L15:AD15"/>
    <mergeCell ref="K16:AM16"/>
    <mergeCell ref="K17:Y17"/>
    <mergeCell ref="Z17:AB17"/>
    <mergeCell ref="K19:M19"/>
    <mergeCell ref="K18:V18"/>
    <mergeCell ref="W18:X18"/>
    <mergeCell ref="Y18:AM18"/>
    <mergeCell ref="S23:AA23"/>
    <mergeCell ref="AB23:AC23"/>
    <mergeCell ref="AD23:AM23"/>
    <mergeCell ref="J32:U32"/>
    <mergeCell ref="H30:AM30"/>
    <mergeCell ref="M20:P20"/>
    <mergeCell ref="D36:AM40"/>
    <mergeCell ref="D24:E24"/>
    <mergeCell ref="D27:E27"/>
    <mergeCell ref="D22:E22"/>
    <mergeCell ref="G22:AM22"/>
    <mergeCell ref="D23:E23"/>
    <mergeCell ref="G23:O23"/>
    <mergeCell ref="P23:Q23"/>
    <mergeCell ref="G29:O29"/>
    <mergeCell ref="P29:Q29"/>
    <mergeCell ref="S29:AA29"/>
    <mergeCell ref="AB29:AC29"/>
    <mergeCell ref="AD29:AM29"/>
    <mergeCell ref="B11:F11"/>
    <mergeCell ref="I14:O14"/>
    <mergeCell ref="Q14:R14"/>
    <mergeCell ref="G11:J11"/>
    <mergeCell ref="L11:N11"/>
    <mergeCell ref="P11:R11"/>
    <mergeCell ref="T14:U14"/>
    <mergeCell ref="B12:F12"/>
    <mergeCell ref="G12:K12"/>
    <mergeCell ref="L12:R12"/>
    <mergeCell ref="B14:C20"/>
    <mergeCell ref="D14:E14"/>
    <mergeCell ref="K13:AM13"/>
    <mergeCell ref="S12:Y12"/>
    <mergeCell ref="Z12:AF12"/>
    <mergeCell ref="AG12:AM12"/>
    <mergeCell ref="F14:H14"/>
    <mergeCell ref="D15:E20"/>
    <mergeCell ref="F15:H18"/>
    <mergeCell ref="F19:H19"/>
    <mergeCell ref="U11:Y11"/>
    <mergeCell ref="Z11:AM11"/>
    <mergeCell ref="F20:H20"/>
    <mergeCell ref="I20:L20"/>
  </mergeCells>
  <phoneticPr fontId="2"/>
  <hyperlinks>
    <hyperlink ref="L50" r:id="rId1" xr:uid="{5D59BD61-75D9-4487-B1AC-804B56383904}"/>
  </hyperlinks>
  <pageMargins left="0.70866141732283472" right="0.70866141732283472" top="0.23622047244094491" bottom="0.15748031496062992" header="0.31496062992125984" footer="0.31496062992125984"/>
  <pageSetup paperSize="9" scale="78" fitToHeight="0" orientation="portrait" r:id="rId2"/>
  <rowBreaks count="1" manualBreakCount="1">
    <brk id="59" max="40" man="1"/>
  </rowBreaks>
  <drawing r:id="rId3"/>
  <legacyDrawing r:id="rId4"/>
  <controls>
    <mc:AlternateContent xmlns:mc="http://schemas.openxmlformats.org/markup-compatibility/2006">
      <mc:Choice Requires="x14">
        <control shapeId="1088" r:id="rId5" name="CheckBox1">
          <controlPr defaultSize="0" autoLine="0" r:id="rId6">
            <anchor moveWithCells="1" sizeWithCells="1">
              <from>
                <xdr:col>4</xdr:col>
                <xdr:colOff>44450</xdr:colOff>
                <xdr:row>42</xdr:row>
                <xdr:rowOff>0</xdr:rowOff>
              </from>
              <to>
                <xdr:col>30</xdr:col>
                <xdr:colOff>76200</xdr:colOff>
                <xdr:row>42</xdr:row>
                <xdr:rowOff>273050</xdr:rowOff>
              </to>
            </anchor>
          </controlPr>
        </control>
      </mc:Choice>
      <mc:Fallback>
        <control shapeId="1088" r:id="rId5" name="CheckBox1"/>
      </mc:Fallback>
    </mc:AlternateContent>
    <mc:AlternateContent xmlns:mc="http://schemas.openxmlformats.org/markup-compatibility/2006">
      <mc:Choice Requires="x14">
        <control shapeId="1089" r:id="rId7" name="OptionButton1">
          <controlPr defaultSize="0" autoLine="0" r:id="rId8">
            <anchor moveWithCells="1" sizeWithCells="1">
              <from>
                <xdr:col>4</xdr:col>
                <xdr:colOff>50800</xdr:colOff>
                <xdr:row>45</xdr:row>
                <xdr:rowOff>0</xdr:rowOff>
              </from>
              <to>
                <xdr:col>16</xdr:col>
                <xdr:colOff>127000</xdr:colOff>
                <xdr:row>45</xdr:row>
                <xdr:rowOff>304800</xdr:rowOff>
              </to>
            </anchor>
          </controlPr>
        </control>
      </mc:Choice>
      <mc:Fallback>
        <control shapeId="1089" r:id="rId7" name="OptionButton1"/>
      </mc:Fallback>
    </mc:AlternateContent>
    <mc:AlternateContent xmlns:mc="http://schemas.openxmlformats.org/markup-compatibility/2006">
      <mc:Choice Requires="x14">
        <control shapeId="1090" r:id="rId9" name="OptionButton2">
          <controlPr defaultSize="0" autoLine="0" linkedCell="BN1" r:id="rId10">
            <anchor moveWithCells="1" sizeWithCells="1">
              <from>
                <xdr:col>16</xdr:col>
                <xdr:colOff>152400</xdr:colOff>
                <xdr:row>45</xdr:row>
                <xdr:rowOff>0</xdr:rowOff>
              </from>
              <to>
                <xdr:col>22</xdr:col>
                <xdr:colOff>50800</xdr:colOff>
                <xdr:row>46</xdr:row>
                <xdr:rowOff>0</xdr:rowOff>
              </to>
            </anchor>
          </controlPr>
        </control>
      </mc:Choice>
      <mc:Fallback>
        <control shapeId="1090" r:id="rId9" name="OptionButton2"/>
      </mc:Fallback>
    </mc:AlternateContent>
    <mc:AlternateContent xmlns:mc="http://schemas.openxmlformats.org/markup-compatibility/2006">
      <mc:Choice Requires="x14">
        <control shapeId="1034" r:id="rId11" name="Option Button 10">
          <controlPr defaultSize="0" autoFill="0" autoLine="0" autoPict="0">
            <anchor moveWithCells="1">
              <from>
                <xdr:col>6</xdr:col>
                <xdr:colOff>133350</xdr:colOff>
                <xdr:row>11</xdr:row>
                <xdr:rowOff>0</xdr:rowOff>
              </from>
              <to>
                <xdr:col>10</xdr:col>
                <xdr:colOff>133350</xdr:colOff>
                <xdr:row>11</xdr:row>
                <xdr:rowOff>241300</xdr:rowOff>
              </to>
            </anchor>
          </controlPr>
        </control>
      </mc:Choice>
    </mc:AlternateContent>
    <mc:AlternateContent xmlns:mc="http://schemas.openxmlformats.org/markup-compatibility/2006">
      <mc:Choice Requires="x14">
        <control shapeId="1035" r:id="rId12" name="Option Button 11">
          <controlPr defaultSize="0" autoFill="0" autoLine="0" autoPict="0">
            <anchor moveWithCells="1">
              <from>
                <xdr:col>11</xdr:col>
                <xdr:colOff>114300</xdr:colOff>
                <xdr:row>11</xdr:row>
                <xdr:rowOff>0</xdr:rowOff>
              </from>
              <to>
                <xdr:col>17</xdr:col>
                <xdr:colOff>88900</xdr:colOff>
                <xdr:row>11</xdr:row>
                <xdr:rowOff>241300</xdr:rowOff>
              </to>
            </anchor>
          </controlPr>
        </control>
      </mc:Choice>
    </mc:AlternateContent>
    <mc:AlternateContent xmlns:mc="http://schemas.openxmlformats.org/markup-compatibility/2006">
      <mc:Choice Requires="x14">
        <control shapeId="1036" r:id="rId13" name="Option Button 12">
          <controlPr defaultSize="0" autoFill="0" autoLine="0" autoPict="0">
            <anchor moveWithCells="1">
              <from>
                <xdr:col>18</xdr:col>
                <xdr:colOff>95250</xdr:colOff>
                <xdr:row>11</xdr:row>
                <xdr:rowOff>0</xdr:rowOff>
              </from>
              <to>
                <xdr:col>24</xdr:col>
                <xdr:colOff>107950</xdr:colOff>
                <xdr:row>11</xdr:row>
                <xdr:rowOff>241300</xdr:rowOff>
              </to>
            </anchor>
          </controlPr>
        </control>
      </mc:Choice>
    </mc:AlternateContent>
    <mc:AlternateContent xmlns:mc="http://schemas.openxmlformats.org/markup-compatibility/2006">
      <mc:Choice Requires="x14">
        <control shapeId="1038" r:id="rId14" name="Option Button 14">
          <controlPr defaultSize="0" autoFill="0" autoLine="0" autoPict="0">
            <anchor moveWithCells="1">
              <from>
                <xdr:col>32</xdr:col>
                <xdr:colOff>146050</xdr:colOff>
                <xdr:row>11</xdr:row>
                <xdr:rowOff>12700</xdr:rowOff>
              </from>
              <to>
                <xdr:col>38</xdr:col>
                <xdr:colOff>190500</xdr:colOff>
                <xdr:row>12</xdr:row>
                <xdr:rowOff>0</xdr:rowOff>
              </to>
            </anchor>
          </controlPr>
        </control>
      </mc:Choice>
    </mc:AlternateContent>
    <mc:AlternateContent xmlns:mc="http://schemas.openxmlformats.org/markup-compatibility/2006">
      <mc:Choice Requires="x14">
        <control shapeId="1039" r:id="rId15" name="Option Button 15">
          <controlPr defaultSize="0" autoFill="0" autoLine="0" autoPict="0">
            <anchor moveWithCells="1">
              <from>
                <xdr:col>20</xdr:col>
                <xdr:colOff>0</xdr:colOff>
                <xdr:row>8</xdr:row>
                <xdr:rowOff>12700</xdr:rowOff>
              </from>
              <to>
                <xdr:col>24</xdr:col>
                <xdr:colOff>0</xdr:colOff>
                <xdr:row>8</xdr:row>
                <xdr:rowOff>247650</xdr:rowOff>
              </to>
            </anchor>
          </controlPr>
        </control>
      </mc:Choice>
    </mc:AlternateContent>
    <mc:AlternateContent xmlns:mc="http://schemas.openxmlformats.org/markup-compatibility/2006">
      <mc:Choice Requires="x14">
        <control shapeId="1040" r:id="rId16" name="Option Button 16">
          <controlPr defaultSize="0" autoFill="0" autoLine="0" autoPict="0">
            <anchor moveWithCells="1">
              <from>
                <xdr:col>21</xdr:col>
                <xdr:colOff>184150</xdr:colOff>
                <xdr:row>8</xdr:row>
                <xdr:rowOff>12700</xdr:rowOff>
              </from>
              <to>
                <xdr:col>25</xdr:col>
                <xdr:colOff>184150</xdr:colOff>
                <xdr:row>8</xdr:row>
                <xdr:rowOff>247650</xdr:rowOff>
              </to>
            </anchor>
          </controlPr>
        </control>
      </mc:Choice>
    </mc:AlternateContent>
    <mc:AlternateContent xmlns:mc="http://schemas.openxmlformats.org/markup-compatibility/2006">
      <mc:Choice Requires="x14">
        <control shapeId="1043" r:id="rId17" name="Group Box 複数台">
          <controlPr defaultSize="0" print="0" autoFill="0" autoPict="0" altText="グループ19_x000a_">
            <anchor moveWithCells="1">
              <from>
                <xdr:col>16</xdr:col>
                <xdr:colOff>114300</xdr:colOff>
                <xdr:row>6</xdr:row>
                <xdr:rowOff>590550</xdr:rowOff>
              </from>
              <to>
                <xdr:col>28</xdr:col>
                <xdr:colOff>76200</xdr:colOff>
                <xdr:row>10</xdr:row>
                <xdr:rowOff>38100</xdr:rowOff>
              </to>
            </anchor>
          </controlPr>
        </control>
      </mc:Choice>
    </mc:AlternateContent>
    <mc:AlternateContent xmlns:mc="http://schemas.openxmlformats.org/markup-compatibility/2006">
      <mc:Choice Requires="x14">
        <control shapeId="1044" r:id="rId18" name="Group Box 集荷時間">
          <controlPr defaultSize="0" autoFill="0" autoPict="0">
            <anchor moveWithCells="1">
              <from>
                <xdr:col>5</xdr:col>
                <xdr:colOff>31750</xdr:colOff>
                <xdr:row>10</xdr:row>
                <xdr:rowOff>203200</xdr:rowOff>
              </from>
              <to>
                <xdr:col>40</xdr:col>
                <xdr:colOff>12700</xdr:colOff>
                <xdr:row>12</xdr:row>
                <xdr:rowOff>107950</xdr:rowOff>
              </to>
            </anchor>
          </controlPr>
        </control>
      </mc:Choice>
    </mc:AlternateContent>
    <mc:AlternateContent xmlns:mc="http://schemas.openxmlformats.org/markup-compatibility/2006">
      <mc:Choice Requires="x14">
        <control shapeId="1060" r:id="rId19" name="Group Boxデータ消去">
          <controlPr defaultSize="0" autoFill="0" autoPict="0">
            <anchor moveWithCells="1">
              <from>
                <xdr:col>3</xdr:col>
                <xdr:colOff>146050</xdr:colOff>
                <xdr:row>42</xdr:row>
                <xdr:rowOff>12700</xdr:rowOff>
              </from>
              <to>
                <xdr:col>38</xdr:col>
                <xdr:colOff>228600</xdr:colOff>
                <xdr:row>44</xdr:row>
                <xdr:rowOff>95250</xdr:rowOff>
              </to>
            </anchor>
          </controlPr>
        </control>
      </mc:Choice>
    </mc:AlternateContent>
    <mc:AlternateContent xmlns:mc="http://schemas.openxmlformats.org/markup-compatibility/2006">
      <mc:Choice Requires="x14">
        <control shapeId="1069" r:id="rId20" name="Option Button 45">
          <controlPr defaultSize="0" autoFill="0" autoLine="0" autoPict="0">
            <anchor moveWithCells="1">
              <from>
                <xdr:col>25</xdr:col>
                <xdr:colOff>12700</xdr:colOff>
                <xdr:row>11</xdr:row>
                <xdr:rowOff>0</xdr:rowOff>
              </from>
              <to>
                <xdr:col>31</xdr:col>
                <xdr:colOff>50800</xdr:colOff>
                <xdr:row>11</xdr:row>
                <xdr:rowOff>241300</xdr:rowOff>
              </to>
            </anchor>
          </controlPr>
        </control>
      </mc:Choice>
    </mc:AlternateContent>
    <mc:AlternateContent xmlns:mc="http://schemas.openxmlformats.org/markup-compatibility/2006">
      <mc:Choice Requires="x14">
        <control shapeId="1070" r:id="rId21" name="支払い方法">
          <controlPr defaultSize="0" autoFill="0" autoPict="0">
            <anchor moveWithCells="1">
              <from>
                <xdr:col>7</xdr:col>
                <xdr:colOff>152400</xdr:colOff>
                <xdr:row>18</xdr:row>
                <xdr:rowOff>228600</xdr:rowOff>
              </from>
              <to>
                <xdr:col>19</xdr:col>
                <xdr:colOff>88900</xdr:colOff>
                <xdr:row>20</xdr:row>
                <xdr:rowOff>57150</xdr:rowOff>
              </to>
            </anchor>
          </controlPr>
        </control>
      </mc:Choice>
    </mc:AlternateContent>
    <mc:AlternateContent xmlns:mc="http://schemas.openxmlformats.org/markup-compatibility/2006">
      <mc:Choice Requires="x14">
        <control shapeId="1071" r:id="rId22" name="支払い：振込み">
          <controlPr defaultSize="0" autoFill="0" autoLine="0" autoPict="0">
            <anchor moveWithCells="1">
              <from>
                <xdr:col>7</xdr:col>
                <xdr:colOff>190500</xdr:colOff>
                <xdr:row>18</xdr:row>
                <xdr:rowOff>241300</xdr:rowOff>
              </from>
              <to>
                <xdr:col>11</xdr:col>
                <xdr:colOff>107950</xdr:colOff>
                <xdr:row>19</xdr:row>
                <xdr:rowOff>241300</xdr:rowOff>
              </to>
            </anchor>
          </controlPr>
        </control>
      </mc:Choice>
    </mc:AlternateContent>
    <mc:AlternateContent xmlns:mc="http://schemas.openxmlformats.org/markup-compatibility/2006">
      <mc:Choice Requires="x14">
        <control shapeId="1072" r:id="rId23" name="支払い;代引き">
          <controlPr defaultSize="0" autoFill="0" autoLine="0" autoPict="0">
            <anchor moveWithCells="1">
              <from>
                <xdr:col>11</xdr:col>
                <xdr:colOff>190500</xdr:colOff>
                <xdr:row>19</xdr:row>
                <xdr:rowOff>0</xdr:rowOff>
              </from>
              <to>
                <xdr:col>15</xdr:col>
                <xdr:colOff>133350</xdr:colOff>
                <xdr:row>20</xdr:row>
                <xdr:rowOff>0</xdr:rowOff>
              </to>
            </anchor>
          </controlPr>
        </control>
      </mc:Choice>
    </mc:AlternateContent>
    <mc:AlternateContent xmlns:mc="http://schemas.openxmlformats.org/markup-compatibility/2006">
      <mc:Choice Requires="x14">
        <control shapeId="1074" r:id="rId24" name="Check Box 50">
          <controlPr defaultSize="0" autoFill="0" autoLine="0" autoPict="0">
            <anchor moveWithCells="1">
              <from>
                <xdr:col>3</xdr:col>
                <xdr:colOff>31750</xdr:colOff>
                <xdr:row>32</xdr:row>
                <xdr:rowOff>12700</xdr:rowOff>
              </from>
              <to>
                <xdr:col>8</xdr:col>
                <xdr:colOff>146050</xdr:colOff>
                <xdr:row>33</xdr:row>
                <xdr:rowOff>19050</xdr:rowOff>
              </to>
            </anchor>
          </controlPr>
        </control>
      </mc:Choice>
    </mc:AlternateContent>
    <mc:AlternateContent xmlns:mc="http://schemas.openxmlformats.org/markup-compatibility/2006">
      <mc:Choice Requires="x14">
        <control shapeId="1075" r:id="rId25" name="Check Box 51">
          <controlPr defaultSize="0" autoFill="0" autoLine="0" autoPict="0">
            <anchor moveWithCells="1">
              <from>
                <xdr:col>10</xdr:col>
                <xdr:colOff>31750</xdr:colOff>
                <xdr:row>31</xdr:row>
                <xdr:rowOff>412750</xdr:rowOff>
              </from>
              <to>
                <xdr:col>13</xdr:col>
                <xdr:colOff>133350</xdr:colOff>
                <xdr:row>33</xdr:row>
                <xdr:rowOff>12700</xdr:rowOff>
              </to>
            </anchor>
          </controlPr>
        </control>
      </mc:Choice>
    </mc:AlternateContent>
    <mc:AlternateContent xmlns:mc="http://schemas.openxmlformats.org/markup-compatibility/2006">
      <mc:Choice Requires="x14">
        <control shapeId="1076" r:id="rId26" name="Check Box 52">
          <controlPr defaultSize="0" autoFill="0" autoLine="0" autoPict="0">
            <anchor moveWithCells="1">
              <from>
                <xdr:col>18</xdr:col>
                <xdr:colOff>31750</xdr:colOff>
                <xdr:row>31</xdr:row>
                <xdr:rowOff>412750</xdr:rowOff>
              </from>
              <to>
                <xdr:col>22</xdr:col>
                <xdr:colOff>38100</xdr:colOff>
                <xdr:row>33</xdr:row>
                <xdr:rowOff>12700</xdr:rowOff>
              </to>
            </anchor>
          </controlPr>
        </control>
      </mc:Choice>
    </mc:AlternateContent>
    <mc:AlternateContent xmlns:mc="http://schemas.openxmlformats.org/markup-compatibility/2006">
      <mc:Choice Requires="x14">
        <control shapeId="1077" r:id="rId27" name="Check Box 53">
          <controlPr defaultSize="0" autoFill="0" autoLine="0" autoPict="0">
            <anchor moveWithCells="1">
              <from>
                <xdr:col>25</xdr:col>
                <xdr:colOff>38100</xdr:colOff>
                <xdr:row>31</xdr:row>
                <xdr:rowOff>412750</xdr:rowOff>
              </from>
              <to>
                <xdr:col>29</xdr:col>
                <xdr:colOff>146050</xdr:colOff>
                <xdr:row>33</xdr:row>
                <xdr:rowOff>12700</xdr:rowOff>
              </to>
            </anchor>
          </controlPr>
        </control>
      </mc:Choice>
    </mc:AlternateContent>
    <mc:AlternateContent xmlns:mc="http://schemas.openxmlformats.org/markup-compatibility/2006">
      <mc:Choice Requires="x14">
        <control shapeId="1078" r:id="rId28" name="Check Box 54">
          <controlPr defaultSize="0" autoFill="0" autoLine="0" autoPict="0">
            <anchor moveWithCells="1">
              <from>
                <xdr:col>32</xdr:col>
                <xdr:colOff>19050</xdr:colOff>
                <xdr:row>31</xdr:row>
                <xdr:rowOff>412750</xdr:rowOff>
              </from>
              <to>
                <xdr:col>35</xdr:col>
                <xdr:colOff>69850</xdr:colOff>
                <xdr:row>33</xdr:row>
                <xdr:rowOff>12700</xdr:rowOff>
              </to>
            </anchor>
          </controlPr>
        </control>
      </mc:Choice>
    </mc:AlternateContent>
    <mc:AlternateContent xmlns:mc="http://schemas.openxmlformats.org/markup-compatibility/2006">
      <mc:Choice Requires="x14">
        <control shapeId="1079" r:id="rId29" name="Check Box 55">
          <controlPr defaultSize="0" autoFill="0" autoLine="0" autoPict="0">
            <anchor moveWithCells="1">
              <from>
                <xdr:col>3</xdr:col>
                <xdr:colOff>19050</xdr:colOff>
                <xdr:row>33</xdr:row>
                <xdr:rowOff>0</xdr:rowOff>
              </from>
              <to>
                <xdr:col>9</xdr:col>
                <xdr:colOff>127000</xdr:colOff>
                <xdr:row>34</xdr:row>
                <xdr:rowOff>12700</xdr:rowOff>
              </to>
            </anchor>
          </controlPr>
        </control>
      </mc:Choice>
    </mc:AlternateContent>
    <mc:AlternateContent xmlns:mc="http://schemas.openxmlformats.org/markup-compatibility/2006">
      <mc:Choice Requires="x14">
        <control shapeId="1080" r:id="rId30" name="Check Box 56">
          <controlPr defaultSize="0" autoFill="0" autoLine="0" autoPict="0">
            <anchor moveWithCells="1">
              <from>
                <xdr:col>10</xdr:col>
                <xdr:colOff>31750</xdr:colOff>
                <xdr:row>32</xdr:row>
                <xdr:rowOff>228600</xdr:rowOff>
              </from>
              <to>
                <xdr:col>13</xdr:col>
                <xdr:colOff>184150</xdr:colOff>
                <xdr:row>34</xdr:row>
                <xdr:rowOff>0</xdr:rowOff>
              </to>
            </anchor>
          </controlPr>
        </control>
      </mc:Choice>
    </mc:AlternateContent>
    <mc:AlternateContent xmlns:mc="http://schemas.openxmlformats.org/markup-compatibility/2006">
      <mc:Choice Requires="x14">
        <control shapeId="1081" r:id="rId31" name="Group Box 支払い方法">
          <controlPr defaultSize="0" autoFill="0" autoPict="0">
            <anchor moveWithCells="1">
              <from>
                <xdr:col>6</xdr:col>
                <xdr:colOff>165100</xdr:colOff>
                <xdr:row>18</xdr:row>
                <xdr:rowOff>203200</xdr:rowOff>
              </from>
              <to>
                <xdr:col>19</xdr:col>
                <xdr:colOff>31750</xdr:colOff>
                <xdr:row>19</xdr:row>
                <xdr:rowOff>241300</xdr:rowOff>
              </to>
            </anchor>
          </controlPr>
        </control>
      </mc:Choice>
    </mc:AlternateContent>
  </control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P52"/>
  <sheetViews>
    <sheetView showGridLines="0" workbookViewId="0"/>
  </sheetViews>
  <sheetFormatPr defaultRowHeight="15" x14ac:dyDescent="0.35"/>
  <cols>
    <col min="1" max="1" width="5.25" style="59" customWidth="1"/>
    <col min="2" max="2" width="19.08203125" style="59" customWidth="1"/>
    <col min="3" max="3" width="17.25" style="59" customWidth="1"/>
    <col min="4" max="4" width="104.33203125" style="59" customWidth="1"/>
    <col min="5" max="5" width="14.25" style="59" customWidth="1"/>
    <col min="6" max="6" width="12.33203125" style="59" customWidth="1"/>
    <col min="7" max="7" width="11.83203125" style="59" customWidth="1"/>
    <col min="8" max="13" width="15.58203125" style="59" customWidth="1"/>
    <col min="14" max="14" width="9" style="59"/>
    <col min="15" max="15" width="14.75" style="59" customWidth="1"/>
    <col min="16" max="16" width="12" style="59" customWidth="1"/>
    <col min="17" max="256" width="9" style="59"/>
    <col min="257" max="257" width="5.25" style="59" customWidth="1"/>
    <col min="258" max="258" width="16" style="59" customWidth="1"/>
    <col min="259" max="259" width="17.25" style="59" customWidth="1"/>
    <col min="260" max="260" width="104.33203125" style="59" customWidth="1"/>
    <col min="261" max="261" width="9" style="59"/>
    <col min="262" max="262" width="11.83203125" style="59" customWidth="1"/>
    <col min="263" max="512" width="9" style="59"/>
    <col min="513" max="513" width="5.25" style="59" customWidth="1"/>
    <col min="514" max="514" width="16" style="59" customWidth="1"/>
    <col min="515" max="515" width="17.25" style="59" customWidth="1"/>
    <col min="516" max="516" width="104.33203125" style="59" customWidth="1"/>
    <col min="517" max="517" width="9" style="59"/>
    <col min="518" max="518" width="11.83203125" style="59" customWidth="1"/>
    <col min="519" max="768" width="9" style="59"/>
    <col min="769" max="769" width="5.25" style="59" customWidth="1"/>
    <col min="770" max="770" width="16" style="59" customWidth="1"/>
    <col min="771" max="771" width="17.25" style="59" customWidth="1"/>
    <col min="772" max="772" width="104.33203125" style="59" customWidth="1"/>
    <col min="773" max="773" width="9" style="59"/>
    <col min="774" max="774" width="11.83203125" style="59" customWidth="1"/>
    <col min="775" max="1024" width="9" style="59"/>
    <col min="1025" max="1025" width="5.25" style="59" customWidth="1"/>
    <col min="1026" max="1026" width="16" style="59" customWidth="1"/>
    <col min="1027" max="1027" width="17.25" style="59" customWidth="1"/>
    <col min="1028" max="1028" width="104.33203125" style="59" customWidth="1"/>
    <col min="1029" max="1029" width="9" style="59"/>
    <col min="1030" max="1030" width="11.83203125" style="59" customWidth="1"/>
    <col min="1031" max="1280" width="9" style="59"/>
    <col min="1281" max="1281" width="5.25" style="59" customWidth="1"/>
    <col min="1282" max="1282" width="16" style="59" customWidth="1"/>
    <col min="1283" max="1283" width="17.25" style="59" customWidth="1"/>
    <col min="1284" max="1284" width="104.33203125" style="59" customWidth="1"/>
    <col min="1285" max="1285" width="9" style="59"/>
    <col min="1286" max="1286" width="11.83203125" style="59" customWidth="1"/>
    <col min="1287" max="1536" width="9" style="59"/>
    <col min="1537" max="1537" width="5.25" style="59" customWidth="1"/>
    <col min="1538" max="1538" width="16" style="59" customWidth="1"/>
    <col min="1539" max="1539" width="17.25" style="59" customWidth="1"/>
    <col min="1540" max="1540" width="104.33203125" style="59" customWidth="1"/>
    <col min="1541" max="1541" width="9" style="59"/>
    <col min="1542" max="1542" width="11.83203125" style="59" customWidth="1"/>
    <col min="1543" max="1792" width="9" style="59"/>
    <col min="1793" max="1793" width="5.25" style="59" customWidth="1"/>
    <col min="1794" max="1794" width="16" style="59" customWidth="1"/>
    <col min="1795" max="1795" width="17.25" style="59" customWidth="1"/>
    <col min="1796" max="1796" width="104.33203125" style="59" customWidth="1"/>
    <col min="1797" max="1797" width="9" style="59"/>
    <col min="1798" max="1798" width="11.83203125" style="59" customWidth="1"/>
    <col min="1799" max="2048" width="9" style="59"/>
    <col min="2049" max="2049" width="5.25" style="59" customWidth="1"/>
    <col min="2050" max="2050" width="16" style="59" customWidth="1"/>
    <col min="2051" max="2051" width="17.25" style="59" customWidth="1"/>
    <col min="2052" max="2052" width="104.33203125" style="59" customWidth="1"/>
    <col min="2053" max="2053" width="9" style="59"/>
    <col min="2054" max="2054" width="11.83203125" style="59" customWidth="1"/>
    <col min="2055" max="2304" width="9" style="59"/>
    <col min="2305" max="2305" width="5.25" style="59" customWidth="1"/>
    <col min="2306" max="2306" width="16" style="59" customWidth="1"/>
    <col min="2307" max="2307" width="17.25" style="59" customWidth="1"/>
    <col min="2308" max="2308" width="104.33203125" style="59" customWidth="1"/>
    <col min="2309" max="2309" width="9" style="59"/>
    <col min="2310" max="2310" width="11.83203125" style="59" customWidth="1"/>
    <col min="2311" max="2560" width="9" style="59"/>
    <col min="2561" max="2561" width="5.25" style="59" customWidth="1"/>
    <col min="2562" max="2562" width="16" style="59" customWidth="1"/>
    <col min="2563" max="2563" width="17.25" style="59" customWidth="1"/>
    <col min="2564" max="2564" width="104.33203125" style="59" customWidth="1"/>
    <col min="2565" max="2565" width="9" style="59"/>
    <col min="2566" max="2566" width="11.83203125" style="59" customWidth="1"/>
    <col min="2567" max="2816" width="9" style="59"/>
    <col min="2817" max="2817" width="5.25" style="59" customWidth="1"/>
    <col min="2818" max="2818" width="16" style="59" customWidth="1"/>
    <col min="2819" max="2819" width="17.25" style="59" customWidth="1"/>
    <col min="2820" max="2820" width="104.33203125" style="59" customWidth="1"/>
    <col min="2821" max="2821" width="9" style="59"/>
    <col min="2822" max="2822" width="11.83203125" style="59" customWidth="1"/>
    <col min="2823" max="3072" width="9" style="59"/>
    <col min="3073" max="3073" width="5.25" style="59" customWidth="1"/>
    <col min="3074" max="3074" width="16" style="59" customWidth="1"/>
    <col min="3075" max="3075" width="17.25" style="59" customWidth="1"/>
    <col min="3076" max="3076" width="104.33203125" style="59" customWidth="1"/>
    <col min="3077" max="3077" width="9" style="59"/>
    <col min="3078" max="3078" width="11.83203125" style="59" customWidth="1"/>
    <col min="3079" max="3328" width="9" style="59"/>
    <col min="3329" max="3329" width="5.25" style="59" customWidth="1"/>
    <col min="3330" max="3330" width="16" style="59" customWidth="1"/>
    <col min="3331" max="3331" width="17.25" style="59" customWidth="1"/>
    <col min="3332" max="3332" width="104.33203125" style="59" customWidth="1"/>
    <col min="3333" max="3333" width="9" style="59"/>
    <col min="3334" max="3334" width="11.83203125" style="59" customWidth="1"/>
    <col min="3335" max="3584" width="9" style="59"/>
    <col min="3585" max="3585" width="5.25" style="59" customWidth="1"/>
    <col min="3586" max="3586" width="16" style="59" customWidth="1"/>
    <col min="3587" max="3587" width="17.25" style="59" customWidth="1"/>
    <col min="3588" max="3588" width="104.33203125" style="59" customWidth="1"/>
    <col min="3589" max="3589" width="9" style="59"/>
    <col min="3590" max="3590" width="11.83203125" style="59" customWidth="1"/>
    <col min="3591" max="3840" width="9" style="59"/>
    <col min="3841" max="3841" width="5.25" style="59" customWidth="1"/>
    <col min="3842" max="3842" width="16" style="59" customWidth="1"/>
    <col min="3843" max="3843" width="17.25" style="59" customWidth="1"/>
    <col min="3844" max="3844" width="104.33203125" style="59" customWidth="1"/>
    <col min="3845" max="3845" width="9" style="59"/>
    <col min="3846" max="3846" width="11.83203125" style="59" customWidth="1"/>
    <col min="3847" max="4096" width="9" style="59"/>
    <col min="4097" max="4097" width="5.25" style="59" customWidth="1"/>
    <col min="4098" max="4098" width="16" style="59" customWidth="1"/>
    <col min="4099" max="4099" width="17.25" style="59" customWidth="1"/>
    <col min="4100" max="4100" width="104.33203125" style="59" customWidth="1"/>
    <col min="4101" max="4101" width="9" style="59"/>
    <col min="4102" max="4102" width="11.83203125" style="59" customWidth="1"/>
    <col min="4103" max="4352" width="9" style="59"/>
    <col min="4353" max="4353" width="5.25" style="59" customWidth="1"/>
    <col min="4354" max="4354" width="16" style="59" customWidth="1"/>
    <col min="4355" max="4355" width="17.25" style="59" customWidth="1"/>
    <col min="4356" max="4356" width="104.33203125" style="59" customWidth="1"/>
    <col min="4357" max="4357" width="9" style="59"/>
    <col min="4358" max="4358" width="11.83203125" style="59" customWidth="1"/>
    <col min="4359" max="4608" width="9" style="59"/>
    <col min="4609" max="4609" width="5.25" style="59" customWidth="1"/>
    <col min="4610" max="4610" width="16" style="59" customWidth="1"/>
    <col min="4611" max="4611" width="17.25" style="59" customWidth="1"/>
    <col min="4612" max="4612" width="104.33203125" style="59" customWidth="1"/>
    <col min="4613" max="4613" width="9" style="59"/>
    <col min="4614" max="4614" width="11.83203125" style="59" customWidth="1"/>
    <col min="4615" max="4864" width="9" style="59"/>
    <col min="4865" max="4865" width="5.25" style="59" customWidth="1"/>
    <col min="4866" max="4866" width="16" style="59" customWidth="1"/>
    <col min="4867" max="4867" width="17.25" style="59" customWidth="1"/>
    <col min="4868" max="4868" width="104.33203125" style="59" customWidth="1"/>
    <col min="4869" max="4869" width="9" style="59"/>
    <col min="4870" max="4870" width="11.83203125" style="59" customWidth="1"/>
    <col min="4871" max="5120" width="9" style="59"/>
    <col min="5121" max="5121" width="5.25" style="59" customWidth="1"/>
    <col min="5122" max="5122" width="16" style="59" customWidth="1"/>
    <col min="5123" max="5123" width="17.25" style="59" customWidth="1"/>
    <col min="5124" max="5124" width="104.33203125" style="59" customWidth="1"/>
    <col min="5125" max="5125" width="9" style="59"/>
    <col min="5126" max="5126" width="11.83203125" style="59" customWidth="1"/>
    <col min="5127" max="5376" width="9" style="59"/>
    <col min="5377" max="5377" width="5.25" style="59" customWidth="1"/>
    <col min="5378" max="5378" width="16" style="59" customWidth="1"/>
    <col min="5379" max="5379" width="17.25" style="59" customWidth="1"/>
    <col min="5380" max="5380" width="104.33203125" style="59" customWidth="1"/>
    <col min="5381" max="5381" width="9" style="59"/>
    <col min="5382" max="5382" width="11.83203125" style="59" customWidth="1"/>
    <col min="5383" max="5632" width="9" style="59"/>
    <col min="5633" max="5633" width="5.25" style="59" customWidth="1"/>
    <col min="5634" max="5634" width="16" style="59" customWidth="1"/>
    <col min="5635" max="5635" width="17.25" style="59" customWidth="1"/>
    <col min="5636" max="5636" width="104.33203125" style="59" customWidth="1"/>
    <col min="5637" max="5637" width="9" style="59"/>
    <col min="5638" max="5638" width="11.83203125" style="59" customWidth="1"/>
    <col min="5639" max="5888" width="9" style="59"/>
    <col min="5889" max="5889" width="5.25" style="59" customWidth="1"/>
    <col min="5890" max="5890" width="16" style="59" customWidth="1"/>
    <col min="5891" max="5891" width="17.25" style="59" customWidth="1"/>
    <col min="5892" max="5892" width="104.33203125" style="59" customWidth="1"/>
    <col min="5893" max="5893" width="9" style="59"/>
    <col min="5894" max="5894" width="11.83203125" style="59" customWidth="1"/>
    <col min="5895" max="6144" width="9" style="59"/>
    <col min="6145" max="6145" width="5.25" style="59" customWidth="1"/>
    <col min="6146" max="6146" width="16" style="59" customWidth="1"/>
    <col min="6147" max="6147" width="17.25" style="59" customWidth="1"/>
    <col min="6148" max="6148" width="104.33203125" style="59" customWidth="1"/>
    <col min="6149" max="6149" width="9" style="59"/>
    <col min="6150" max="6150" width="11.83203125" style="59" customWidth="1"/>
    <col min="6151" max="6400" width="9" style="59"/>
    <col min="6401" max="6401" width="5.25" style="59" customWidth="1"/>
    <col min="6402" max="6402" width="16" style="59" customWidth="1"/>
    <col min="6403" max="6403" width="17.25" style="59" customWidth="1"/>
    <col min="6404" max="6404" width="104.33203125" style="59" customWidth="1"/>
    <col min="6405" max="6405" width="9" style="59"/>
    <col min="6406" max="6406" width="11.83203125" style="59" customWidth="1"/>
    <col min="6407" max="6656" width="9" style="59"/>
    <col min="6657" max="6657" width="5.25" style="59" customWidth="1"/>
    <col min="6658" max="6658" width="16" style="59" customWidth="1"/>
    <col min="6659" max="6659" width="17.25" style="59" customWidth="1"/>
    <col min="6660" max="6660" width="104.33203125" style="59" customWidth="1"/>
    <col min="6661" max="6661" width="9" style="59"/>
    <col min="6662" max="6662" width="11.83203125" style="59" customWidth="1"/>
    <col min="6663" max="6912" width="9" style="59"/>
    <col min="6913" max="6913" width="5.25" style="59" customWidth="1"/>
    <col min="6914" max="6914" width="16" style="59" customWidth="1"/>
    <col min="6915" max="6915" width="17.25" style="59" customWidth="1"/>
    <col min="6916" max="6916" width="104.33203125" style="59" customWidth="1"/>
    <col min="6917" max="6917" width="9" style="59"/>
    <col min="6918" max="6918" width="11.83203125" style="59" customWidth="1"/>
    <col min="6919" max="7168" width="9" style="59"/>
    <col min="7169" max="7169" width="5.25" style="59" customWidth="1"/>
    <col min="7170" max="7170" width="16" style="59" customWidth="1"/>
    <col min="7171" max="7171" width="17.25" style="59" customWidth="1"/>
    <col min="7172" max="7172" width="104.33203125" style="59" customWidth="1"/>
    <col min="7173" max="7173" width="9" style="59"/>
    <col min="7174" max="7174" width="11.83203125" style="59" customWidth="1"/>
    <col min="7175" max="7424" width="9" style="59"/>
    <col min="7425" max="7425" width="5.25" style="59" customWidth="1"/>
    <col min="7426" max="7426" width="16" style="59" customWidth="1"/>
    <col min="7427" max="7427" width="17.25" style="59" customWidth="1"/>
    <col min="7428" max="7428" width="104.33203125" style="59" customWidth="1"/>
    <col min="7429" max="7429" width="9" style="59"/>
    <col min="7430" max="7430" width="11.83203125" style="59" customWidth="1"/>
    <col min="7431" max="7680" width="9" style="59"/>
    <col min="7681" max="7681" width="5.25" style="59" customWidth="1"/>
    <col min="7682" max="7682" width="16" style="59" customWidth="1"/>
    <col min="7683" max="7683" width="17.25" style="59" customWidth="1"/>
    <col min="7684" max="7684" width="104.33203125" style="59" customWidth="1"/>
    <col min="7685" max="7685" width="9" style="59"/>
    <col min="7686" max="7686" width="11.83203125" style="59" customWidth="1"/>
    <col min="7687" max="7936" width="9" style="59"/>
    <col min="7937" max="7937" width="5.25" style="59" customWidth="1"/>
    <col min="7938" max="7938" width="16" style="59" customWidth="1"/>
    <col min="7939" max="7939" width="17.25" style="59" customWidth="1"/>
    <col min="7940" max="7940" width="104.33203125" style="59" customWidth="1"/>
    <col min="7941" max="7941" width="9" style="59"/>
    <col min="7942" max="7942" width="11.83203125" style="59" customWidth="1"/>
    <col min="7943" max="8192" width="9" style="59"/>
    <col min="8193" max="8193" width="5.25" style="59" customWidth="1"/>
    <col min="8194" max="8194" width="16" style="59" customWidth="1"/>
    <col min="8195" max="8195" width="17.25" style="59" customWidth="1"/>
    <col min="8196" max="8196" width="104.33203125" style="59" customWidth="1"/>
    <col min="8197" max="8197" width="9" style="59"/>
    <col min="8198" max="8198" width="11.83203125" style="59" customWidth="1"/>
    <col min="8199" max="8448" width="9" style="59"/>
    <col min="8449" max="8449" width="5.25" style="59" customWidth="1"/>
    <col min="8450" max="8450" width="16" style="59" customWidth="1"/>
    <col min="8451" max="8451" width="17.25" style="59" customWidth="1"/>
    <col min="8452" max="8452" width="104.33203125" style="59" customWidth="1"/>
    <col min="8453" max="8453" width="9" style="59"/>
    <col min="8454" max="8454" width="11.83203125" style="59" customWidth="1"/>
    <col min="8455" max="8704" width="9" style="59"/>
    <col min="8705" max="8705" width="5.25" style="59" customWidth="1"/>
    <col min="8706" max="8706" width="16" style="59" customWidth="1"/>
    <col min="8707" max="8707" width="17.25" style="59" customWidth="1"/>
    <col min="8708" max="8708" width="104.33203125" style="59" customWidth="1"/>
    <col min="8709" max="8709" width="9" style="59"/>
    <col min="8710" max="8710" width="11.83203125" style="59" customWidth="1"/>
    <col min="8711" max="8960" width="9" style="59"/>
    <col min="8961" max="8961" width="5.25" style="59" customWidth="1"/>
    <col min="8962" max="8962" width="16" style="59" customWidth="1"/>
    <col min="8963" max="8963" width="17.25" style="59" customWidth="1"/>
    <col min="8964" max="8964" width="104.33203125" style="59" customWidth="1"/>
    <col min="8965" max="8965" width="9" style="59"/>
    <col min="8966" max="8966" width="11.83203125" style="59" customWidth="1"/>
    <col min="8967" max="9216" width="9" style="59"/>
    <col min="9217" max="9217" width="5.25" style="59" customWidth="1"/>
    <col min="9218" max="9218" width="16" style="59" customWidth="1"/>
    <col min="9219" max="9219" width="17.25" style="59" customWidth="1"/>
    <col min="9220" max="9220" width="104.33203125" style="59" customWidth="1"/>
    <col min="9221" max="9221" width="9" style="59"/>
    <col min="9222" max="9222" width="11.83203125" style="59" customWidth="1"/>
    <col min="9223" max="9472" width="9" style="59"/>
    <col min="9473" max="9473" width="5.25" style="59" customWidth="1"/>
    <col min="9474" max="9474" width="16" style="59" customWidth="1"/>
    <col min="9475" max="9475" width="17.25" style="59" customWidth="1"/>
    <col min="9476" max="9476" width="104.33203125" style="59" customWidth="1"/>
    <col min="9477" max="9477" width="9" style="59"/>
    <col min="9478" max="9478" width="11.83203125" style="59" customWidth="1"/>
    <col min="9479" max="9728" width="9" style="59"/>
    <col min="9729" max="9729" width="5.25" style="59" customWidth="1"/>
    <col min="9730" max="9730" width="16" style="59" customWidth="1"/>
    <col min="9731" max="9731" width="17.25" style="59" customWidth="1"/>
    <col min="9732" max="9732" width="104.33203125" style="59" customWidth="1"/>
    <col min="9733" max="9733" width="9" style="59"/>
    <col min="9734" max="9734" width="11.83203125" style="59" customWidth="1"/>
    <col min="9735" max="9984" width="9" style="59"/>
    <col min="9985" max="9985" width="5.25" style="59" customWidth="1"/>
    <col min="9986" max="9986" width="16" style="59" customWidth="1"/>
    <col min="9987" max="9987" width="17.25" style="59" customWidth="1"/>
    <col min="9988" max="9988" width="104.33203125" style="59" customWidth="1"/>
    <col min="9989" max="9989" width="9" style="59"/>
    <col min="9990" max="9990" width="11.83203125" style="59" customWidth="1"/>
    <col min="9991" max="10240" width="9" style="59"/>
    <col min="10241" max="10241" width="5.25" style="59" customWidth="1"/>
    <col min="10242" max="10242" width="16" style="59" customWidth="1"/>
    <col min="10243" max="10243" width="17.25" style="59" customWidth="1"/>
    <col min="10244" max="10244" width="104.33203125" style="59" customWidth="1"/>
    <col min="10245" max="10245" width="9" style="59"/>
    <col min="10246" max="10246" width="11.83203125" style="59" customWidth="1"/>
    <col min="10247" max="10496" width="9" style="59"/>
    <col min="10497" max="10497" width="5.25" style="59" customWidth="1"/>
    <col min="10498" max="10498" width="16" style="59" customWidth="1"/>
    <col min="10499" max="10499" width="17.25" style="59" customWidth="1"/>
    <col min="10500" max="10500" width="104.33203125" style="59" customWidth="1"/>
    <col min="10501" max="10501" width="9" style="59"/>
    <col min="10502" max="10502" width="11.83203125" style="59" customWidth="1"/>
    <col min="10503" max="10752" width="9" style="59"/>
    <col min="10753" max="10753" width="5.25" style="59" customWidth="1"/>
    <col min="10754" max="10754" width="16" style="59" customWidth="1"/>
    <col min="10755" max="10755" width="17.25" style="59" customWidth="1"/>
    <col min="10756" max="10756" width="104.33203125" style="59" customWidth="1"/>
    <col min="10757" max="10757" width="9" style="59"/>
    <col min="10758" max="10758" width="11.83203125" style="59" customWidth="1"/>
    <col min="10759" max="11008" width="9" style="59"/>
    <col min="11009" max="11009" width="5.25" style="59" customWidth="1"/>
    <col min="11010" max="11010" width="16" style="59" customWidth="1"/>
    <col min="11011" max="11011" width="17.25" style="59" customWidth="1"/>
    <col min="11012" max="11012" width="104.33203125" style="59" customWidth="1"/>
    <col min="11013" max="11013" width="9" style="59"/>
    <col min="11014" max="11014" width="11.83203125" style="59" customWidth="1"/>
    <col min="11015" max="11264" width="9" style="59"/>
    <col min="11265" max="11265" width="5.25" style="59" customWidth="1"/>
    <col min="11266" max="11266" width="16" style="59" customWidth="1"/>
    <col min="11267" max="11267" width="17.25" style="59" customWidth="1"/>
    <col min="11268" max="11268" width="104.33203125" style="59" customWidth="1"/>
    <col min="11269" max="11269" width="9" style="59"/>
    <col min="11270" max="11270" width="11.83203125" style="59" customWidth="1"/>
    <col min="11271" max="11520" width="9" style="59"/>
    <col min="11521" max="11521" width="5.25" style="59" customWidth="1"/>
    <col min="11522" max="11522" width="16" style="59" customWidth="1"/>
    <col min="11523" max="11523" width="17.25" style="59" customWidth="1"/>
    <col min="11524" max="11524" width="104.33203125" style="59" customWidth="1"/>
    <col min="11525" max="11525" width="9" style="59"/>
    <col min="11526" max="11526" width="11.83203125" style="59" customWidth="1"/>
    <col min="11527" max="11776" width="9" style="59"/>
    <col min="11777" max="11777" width="5.25" style="59" customWidth="1"/>
    <col min="11778" max="11778" width="16" style="59" customWidth="1"/>
    <col min="11779" max="11779" width="17.25" style="59" customWidth="1"/>
    <col min="11780" max="11780" width="104.33203125" style="59" customWidth="1"/>
    <col min="11781" max="11781" width="9" style="59"/>
    <col min="11782" max="11782" width="11.83203125" style="59" customWidth="1"/>
    <col min="11783" max="12032" width="9" style="59"/>
    <col min="12033" max="12033" width="5.25" style="59" customWidth="1"/>
    <col min="12034" max="12034" width="16" style="59" customWidth="1"/>
    <col min="12035" max="12035" width="17.25" style="59" customWidth="1"/>
    <col min="12036" max="12036" width="104.33203125" style="59" customWidth="1"/>
    <col min="12037" max="12037" width="9" style="59"/>
    <col min="12038" max="12038" width="11.83203125" style="59" customWidth="1"/>
    <col min="12039" max="12288" width="9" style="59"/>
    <col min="12289" max="12289" width="5.25" style="59" customWidth="1"/>
    <col min="12290" max="12290" width="16" style="59" customWidth="1"/>
    <col min="12291" max="12291" width="17.25" style="59" customWidth="1"/>
    <col min="12292" max="12292" width="104.33203125" style="59" customWidth="1"/>
    <col min="12293" max="12293" width="9" style="59"/>
    <col min="12294" max="12294" width="11.83203125" style="59" customWidth="1"/>
    <col min="12295" max="12544" width="9" style="59"/>
    <col min="12545" max="12545" width="5.25" style="59" customWidth="1"/>
    <col min="12546" max="12546" width="16" style="59" customWidth="1"/>
    <col min="12547" max="12547" width="17.25" style="59" customWidth="1"/>
    <col min="12548" max="12548" width="104.33203125" style="59" customWidth="1"/>
    <col min="12549" max="12549" width="9" style="59"/>
    <col min="12550" max="12550" width="11.83203125" style="59" customWidth="1"/>
    <col min="12551" max="12800" width="9" style="59"/>
    <col min="12801" max="12801" width="5.25" style="59" customWidth="1"/>
    <col min="12802" max="12802" width="16" style="59" customWidth="1"/>
    <col min="12803" max="12803" width="17.25" style="59" customWidth="1"/>
    <col min="12804" max="12804" width="104.33203125" style="59" customWidth="1"/>
    <col min="12805" max="12805" width="9" style="59"/>
    <col min="12806" max="12806" width="11.83203125" style="59" customWidth="1"/>
    <col min="12807" max="13056" width="9" style="59"/>
    <col min="13057" max="13057" width="5.25" style="59" customWidth="1"/>
    <col min="13058" max="13058" width="16" style="59" customWidth="1"/>
    <col min="13059" max="13059" width="17.25" style="59" customWidth="1"/>
    <col min="13060" max="13060" width="104.33203125" style="59" customWidth="1"/>
    <col min="13061" max="13061" width="9" style="59"/>
    <col min="13062" max="13062" width="11.83203125" style="59" customWidth="1"/>
    <col min="13063" max="13312" width="9" style="59"/>
    <col min="13313" max="13313" width="5.25" style="59" customWidth="1"/>
    <col min="13314" max="13314" width="16" style="59" customWidth="1"/>
    <col min="13315" max="13315" width="17.25" style="59" customWidth="1"/>
    <col min="13316" max="13316" width="104.33203125" style="59" customWidth="1"/>
    <col min="13317" max="13317" width="9" style="59"/>
    <col min="13318" max="13318" width="11.83203125" style="59" customWidth="1"/>
    <col min="13319" max="13568" width="9" style="59"/>
    <col min="13569" max="13569" width="5.25" style="59" customWidth="1"/>
    <col min="13570" max="13570" width="16" style="59" customWidth="1"/>
    <col min="13571" max="13571" width="17.25" style="59" customWidth="1"/>
    <col min="13572" max="13572" width="104.33203125" style="59" customWidth="1"/>
    <col min="13573" max="13573" width="9" style="59"/>
    <col min="13574" max="13574" width="11.83203125" style="59" customWidth="1"/>
    <col min="13575" max="13824" width="9" style="59"/>
    <col min="13825" max="13825" width="5.25" style="59" customWidth="1"/>
    <col min="13826" max="13826" width="16" style="59" customWidth="1"/>
    <col min="13827" max="13827" width="17.25" style="59" customWidth="1"/>
    <col min="13828" max="13828" width="104.33203125" style="59" customWidth="1"/>
    <col min="13829" max="13829" width="9" style="59"/>
    <col min="13830" max="13830" width="11.83203125" style="59" customWidth="1"/>
    <col min="13831" max="14080" width="9" style="59"/>
    <col min="14081" max="14081" width="5.25" style="59" customWidth="1"/>
    <col min="14082" max="14082" width="16" style="59" customWidth="1"/>
    <col min="14083" max="14083" width="17.25" style="59" customWidth="1"/>
    <col min="14084" max="14084" width="104.33203125" style="59" customWidth="1"/>
    <col min="14085" max="14085" width="9" style="59"/>
    <col min="14086" max="14086" width="11.83203125" style="59" customWidth="1"/>
    <col min="14087" max="14336" width="9" style="59"/>
    <col min="14337" max="14337" width="5.25" style="59" customWidth="1"/>
    <col min="14338" max="14338" width="16" style="59" customWidth="1"/>
    <col min="14339" max="14339" width="17.25" style="59" customWidth="1"/>
    <col min="14340" max="14340" width="104.33203125" style="59" customWidth="1"/>
    <col min="14341" max="14341" width="9" style="59"/>
    <col min="14342" max="14342" width="11.83203125" style="59" customWidth="1"/>
    <col min="14343" max="14592" width="9" style="59"/>
    <col min="14593" max="14593" width="5.25" style="59" customWidth="1"/>
    <col min="14594" max="14594" width="16" style="59" customWidth="1"/>
    <col min="14595" max="14595" width="17.25" style="59" customWidth="1"/>
    <col min="14596" max="14596" width="104.33203125" style="59" customWidth="1"/>
    <col min="14597" max="14597" width="9" style="59"/>
    <col min="14598" max="14598" width="11.83203125" style="59" customWidth="1"/>
    <col min="14599" max="14848" width="9" style="59"/>
    <col min="14849" max="14849" width="5.25" style="59" customWidth="1"/>
    <col min="14850" max="14850" width="16" style="59" customWidth="1"/>
    <col min="14851" max="14851" width="17.25" style="59" customWidth="1"/>
    <col min="14852" max="14852" width="104.33203125" style="59" customWidth="1"/>
    <col min="14853" max="14853" width="9" style="59"/>
    <col min="14854" max="14854" width="11.83203125" style="59" customWidth="1"/>
    <col min="14855" max="15104" width="9" style="59"/>
    <col min="15105" max="15105" width="5.25" style="59" customWidth="1"/>
    <col min="15106" max="15106" width="16" style="59" customWidth="1"/>
    <col min="15107" max="15107" width="17.25" style="59" customWidth="1"/>
    <col min="15108" max="15108" width="104.33203125" style="59" customWidth="1"/>
    <col min="15109" max="15109" width="9" style="59"/>
    <col min="15110" max="15110" width="11.83203125" style="59" customWidth="1"/>
    <col min="15111" max="15360" width="9" style="59"/>
    <col min="15361" max="15361" width="5.25" style="59" customWidth="1"/>
    <col min="15362" max="15362" width="16" style="59" customWidth="1"/>
    <col min="15363" max="15363" width="17.25" style="59" customWidth="1"/>
    <col min="15364" max="15364" width="104.33203125" style="59" customWidth="1"/>
    <col min="15365" max="15365" width="9" style="59"/>
    <col min="15366" max="15366" width="11.83203125" style="59" customWidth="1"/>
    <col min="15367" max="15616" width="9" style="59"/>
    <col min="15617" max="15617" width="5.25" style="59" customWidth="1"/>
    <col min="15618" max="15618" width="16" style="59" customWidth="1"/>
    <col min="15619" max="15619" width="17.25" style="59" customWidth="1"/>
    <col min="15620" max="15620" width="104.33203125" style="59" customWidth="1"/>
    <col min="15621" max="15621" width="9" style="59"/>
    <col min="15622" max="15622" width="11.83203125" style="59" customWidth="1"/>
    <col min="15623" max="15872" width="9" style="59"/>
    <col min="15873" max="15873" width="5.25" style="59" customWidth="1"/>
    <col min="15874" max="15874" width="16" style="59" customWidth="1"/>
    <col min="15875" max="15875" width="17.25" style="59" customWidth="1"/>
    <col min="15876" max="15876" width="104.33203125" style="59" customWidth="1"/>
    <col min="15877" max="15877" width="9" style="59"/>
    <col min="15878" max="15878" width="11.83203125" style="59" customWidth="1"/>
    <col min="15879" max="16128" width="9" style="59"/>
    <col min="16129" max="16129" width="5.25" style="59" customWidth="1"/>
    <col min="16130" max="16130" width="16" style="59" customWidth="1"/>
    <col min="16131" max="16131" width="17.25" style="59" customWidth="1"/>
    <col min="16132" max="16132" width="104.33203125" style="59" customWidth="1"/>
    <col min="16133" max="16133" width="9" style="59"/>
    <col min="16134" max="16134" width="11.83203125" style="59" customWidth="1"/>
    <col min="16135" max="16384" width="9" style="59"/>
  </cols>
  <sheetData>
    <row r="1" spans="1:16" ht="30.75" customHeight="1" x14ac:dyDescent="0.35">
      <c r="B1" s="60" t="s">
        <v>39</v>
      </c>
    </row>
    <row r="2" spans="1:16" ht="18" x14ac:dyDescent="0.55000000000000004">
      <c r="A2" s="61" t="s">
        <v>26</v>
      </c>
      <c r="B2" s="62" t="s">
        <v>27</v>
      </c>
      <c r="C2" s="62" t="s">
        <v>28</v>
      </c>
      <c r="D2" s="62" t="s">
        <v>29</v>
      </c>
      <c r="E2" s="62" t="s">
        <v>30</v>
      </c>
      <c r="F2" s="62" t="s">
        <v>38</v>
      </c>
      <c r="G2" s="62" t="s">
        <v>31</v>
      </c>
      <c r="H2" s="62" t="s">
        <v>32</v>
      </c>
      <c r="I2" s="62" t="s">
        <v>33</v>
      </c>
      <c r="J2" s="62" t="s">
        <v>34</v>
      </c>
      <c r="K2" s="62" t="s">
        <v>35</v>
      </c>
      <c r="L2" s="62" t="s">
        <v>36</v>
      </c>
      <c r="M2" s="62" t="s">
        <v>37</v>
      </c>
      <c r="N2" s="309" t="s">
        <v>58</v>
      </c>
      <c r="O2" s="310"/>
      <c r="P2" s="61" t="s">
        <v>45</v>
      </c>
    </row>
    <row r="3" spans="1:16" x14ac:dyDescent="0.35">
      <c r="A3" s="61">
        <v>1</v>
      </c>
      <c r="B3" s="63"/>
      <c r="C3" s="63"/>
      <c r="D3" s="61"/>
      <c r="E3" s="61"/>
      <c r="F3" s="61"/>
      <c r="G3" s="61"/>
      <c r="H3" s="61"/>
      <c r="I3" s="61"/>
      <c r="J3" s="61" t="s">
        <v>25</v>
      </c>
      <c r="K3" s="61" t="s">
        <v>25</v>
      </c>
      <c r="L3" s="61" t="s">
        <v>25</v>
      </c>
      <c r="M3" s="61" t="s">
        <v>25</v>
      </c>
      <c r="N3" s="61"/>
      <c r="O3" s="61" t="s">
        <v>60</v>
      </c>
      <c r="P3" s="61"/>
    </row>
    <row r="4" spans="1:16" x14ac:dyDescent="0.35">
      <c r="A4" s="61">
        <v>2</v>
      </c>
      <c r="B4" s="63"/>
      <c r="C4" s="63"/>
      <c r="D4" s="61"/>
      <c r="E4" s="61"/>
      <c r="F4" s="61"/>
      <c r="G4" s="61"/>
      <c r="H4" s="61"/>
      <c r="I4" s="61"/>
      <c r="J4" s="61" t="s">
        <v>25</v>
      </c>
      <c r="K4" s="61" t="s">
        <v>25</v>
      </c>
      <c r="L4" s="61" t="s">
        <v>25</v>
      </c>
      <c r="M4" s="61" t="s">
        <v>25</v>
      </c>
      <c r="N4" s="61"/>
      <c r="O4" s="61" t="s">
        <v>59</v>
      </c>
      <c r="P4" s="61"/>
    </row>
    <row r="5" spans="1:16" x14ac:dyDescent="0.35">
      <c r="A5" s="61">
        <v>3</v>
      </c>
      <c r="B5" s="63"/>
      <c r="C5" s="63"/>
      <c r="D5" s="61"/>
      <c r="E5" s="61"/>
      <c r="F5" s="61"/>
      <c r="G5" s="61"/>
      <c r="H5" s="61"/>
      <c r="I5" s="61"/>
      <c r="J5" s="61" t="s">
        <v>25</v>
      </c>
      <c r="K5" s="61" t="s">
        <v>25</v>
      </c>
      <c r="L5" s="61" t="s">
        <v>25</v>
      </c>
      <c r="M5" s="61" t="s">
        <v>25</v>
      </c>
      <c r="N5" s="61"/>
      <c r="O5" s="61" t="s">
        <v>61</v>
      </c>
      <c r="P5" s="61"/>
    </row>
    <row r="6" spans="1:16" x14ac:dyDescent="0.35">
      <c r="A6" s="61">
        <v>4</v>
      </c>
      <c r="B6" s="63"/>
      <c r="C6" s="63"/>
      <c r="D6" s="61"/>
      <c r="E6" s="61"/>
      <c r="F6" s="61"/>
      <c r="G6" s="61"/>
      <c r="H6" s="61"/>
      <c r="I6" s="61"/>
      <c r="J6" s="61" t="s">
        <v>25</v>
      </c>
      <c r="K6" s="61" t="s">
        <v>25</v>
      </c>
      <c r="L6" s="61" t="s">
        <v>25</v>
      </c>
      <c r="M6" s="61" t="s">
        <v>25</v>
      </c>
      <c r="N6" s="61"/>
      <c r="O6" s="61" t="s">
        <v>62</v>
      </c>
      <c r="P6" s="61"/>
    </row>
    <row r="7" spans="1:16" x14ac:dyDescent="0.35">
      <c r="A7" s="61">
        <v>5</v>
      </c>
      <c r="B7" s="63"/>
      <c r="C7" s="63"/>
      <c r="D7" s="61"/>
      <c r="E7" s="61"/>
      <c r="F7" s="61"/>
      <c r="G7" s="61"/>
      <c r="H7" s="61"/>
      <c r="I7" s="61"/>
      <c r="J7" s="61" t="s">
        <v>25</v>
      </c>
      <c r="K7" s="61" t="s">
        <v>25</v>
      </c>
      <c r="L7" s="61" t="s">
        <v>25</v>
      </c>
      <c r="M7" s="61" t="s">
        <v>25</v>
      </c>
      <c r="N7" s="61"/>
      <c r="O7" s="61" t="s">
        <v>62</v>
      </c>
      <c r="P7" s="61"/>
    </row>
    <row r="8" spans="1:16" x14ac:dyDescent="0.35">
      <c r="A8" s="61">
        <v>6</v>
      </c>
      <c r="B8" s="63"/>
      <c r="C8" s="63"/>
      <c r="D8" s="61"/>
      <c r="E8" s="61"/>
      <c r="F8" s="61"/>
      <c r="G8" s="61"/>
      <c r="H8" s="61" t="s">
        <v>25</v>
      </c>
      <c r="I8" s="61" t="s">
        <v>25</v>
      </c>
      <c r="J8" s="61" t="s">
        <v>25</v>
      </c>
      <c r="K8" s="61" t="s">
        <v>25</v>
      </c>
      <c r="L8" s="61" t="s">
        <v>25</v>
      </c>
      <c r="M8" s="61" t="s">
        <v>25</v>
      </c>
      <c r="N8" s="61"/>
      <c r="O8" s="61" t="s">
        <v>59</v>
      </c>
      <c r="P8" s="61"/>
    </row>
    <row r="9" spans="1:16" x14ac:dyDescent="0.35">
      <c r="A9" s="61">
        <v>7</v>
      </c>
      <c r="B9" s="63"/>
      <c r="C9" s="63"/>
      <c r="D9" s="61"/>
      <c r="E9" s="61"/>
      <c r="F9" s="61"/>
      <c r="G9" s="61"/>
      <c r="H9" s="61" t="s">
        <v>25</v>
      </c>
      <c r="I9" s="61" t="s">
        <v>25</v>
      </c>
      <c r="J9" s="61" t="s">
        <v>25</v>
      </c>
      <c r="K9" s="61" t="s">
        <v>25</v>
      </c>
      <c r="L9" s="61" t="s">
        <v>25</v>
      </c>
      <c r="M9" s="61" t="s">
        <v>25</v>
      </c>
      <c r="N9" s="61"/>
      <c r="O9" s="61" t="s">
        <v>61</v>
      </c>
      <c r="P9" s="61"/>
    </row>
    <row r="10" spans="1:16" x14ac:dyDescent="0.35">
      <c r="A10" s="61">
        <v>8</v>
      </c>
      <c r="B10" s="63"/>
      <c r="C10" s="64"/>
      <c r="D10" s="61"/>
      <c r="E10" s="61"/>
      <c r="F10" s="61"/>
      <c r="G10" s="61"/>
      <c r="H10" s="61" t="s">
        <v>25</v>
      </c>
      <c r="I10" s="61" t="s">
        <v>25</v>
      </c>
      <c r="J10" s="61" t="s">
        <v>25</v>
      </c>
      <c r="K10" s="61" t="s">
        <v>25</v>
      </c>
      <c r="L10" s="61" t="s">
        <v>25</v>
      </c>
      <c r="M10" s="61" t="s">
        <v>25</v>
      </c>
      <c r="N10" s="61"/>
      <c r="O10" s="61" t="s">
        <v>61</v>
      </c>
      <c r="P10" s="61"/>
    </row>
    <row r="11" spans="1:16" x14ac:dyDescent="0.35">
      <c r="A11" s="61">
        <v>9</v>
      </c>
      <c r="B11" s="63"/>
      <c r="C11" s="63"/>
      <c r="D11" s="61"/>
      <c r="E11" s="61"/>
      <c r="F11" s="61"/>
      <c r="G11" s="61"/>
      <c r="H11" s="61" t="s">
        <v>25</v>
      </c>
      <c r="I11" s="61" t="s">
        <v>25</v>
      </c>
      <c r="J11" s="61" t="s">
        <v>25</v>
      </c>
      <c r="K11" s="61" t="s">
        <v>25</v>
      </c>
      <c r="L11" s="61" t="s">
        <v>25</v>
      </c>
      <c r="M11" s="61" t="s">
        <v>25</v>
      </c>
      <c r="N11" s="61"/>
      <c r="O11" s="61" t="s">
        <v>61</v>
      </c>
      <c r="P11" s="61"/>
    </row>
    <row r="12" spans="1:16" x14ac:dyDescent="0.35">
      <c r="A12" s="61">
        <v>10</v>
      </c>
      <c r="B12" s="63"/>
      <c r="C12" s="63"/>
      <c r="D12" s="61"/>
      <c r="E12" s="61"/>
      <c r="F12" s="61"/>
      <c r="G12" s="61"/>
      <c r="H12" s="61" t="s">
        <v>25</v>
      </c>
      <c r="I12" s="61" t="s">
        <v>25</v>
      </c>
      <c r="J12" s="61" t="s">
        <v>25</v>
      </c>
      <c r="K12" s="61" t="s">
        <v>25</v>
      </c>
      <c r="L12" s="61" t="s">
        <v>25</v>
      </c>
      <c r="M12" s="61" t="s">
        <v>25</v>
      </c>
      <c r="N12" s="61"/>
      <c r="O12" s="61" t="s">
        <v>62</v>
      </c>
      <c r="P12" s="61"/>
    </row>
    <row r="13" spans="1:16" x14ac:dyDescent="0.35">
      <c r="A13" s="61">
        <v>11</v>
      </c>
      <c r="B13" s="63"/>
      <c r="C13" s="63"/>
      <c r="D13" s="61"/>
      <c r="E13" s="61"/>
      <c r="F13" s="61"/>
      <c r="G13" s="61"/>
      <c r="H13" s="61" t="s">
        <v>25</v>
      </c>
      <c r="I13" s="61" t="s">
        <v>25</v>
      </c>
      <c r="J13" s="61" t="s">
        <v>25</v>
      </c>
      <c r="K13" s="61" t="s">
        <v>25</v>
      </c>
      <c r="L13" s="61" t="s">
        <v>25</v>
      </c>
      <c r="M13" s="61" t="s">
        <v>25</v>
      </c>
      <c r="N13" s="61"/>
      <c r="O13" s="61" t="s">
        <v>61</v>
      </c>
      <c r="P13" s="61"/>
    </row>
    <row r="14" spans="1:16" x14ac:dyDescent="0.35">
      <c r="A14" s="61">
        <v>12</v>
      </c>
      <c r="B14" s="63"/>
      <c r="C14" s="63"/>
      <c r="D14" s="61"/>
      <c r="E14" s="61"/>
      <c r="F14" s="61"/>
      <c r="G14" s="61"/>
      <c r="H14" s="61" t="s">
        <v>25</v>
      </c>
      <c r="I14" s="61" t="s">
        <v>25</v>
      </c>
      <c r="J14" s="61" t="s">
        <v>25</v>
      </c>
      <c r="K14" s="61" t="s">
        <v>25</v>
      </c>
      <c r="L14" s="61" t="s">
        <v>25</v>
      </c>
      <c r="M14" s="61" t="s">
        <v>25</v>
      </c>
      <c r="N14" s="61"/>
      <c r="O14" s="61" t="s">
        <v>62</v>
      </c>
      <c r="P14" s="61"/>
    </row>
    <row r="15" spans="1:16" x14ac:dyDescent="0.35">
      <c r="A15" s="61">
        <v>13</v>
      </c>
      <c r="B15" s="63"/>
      <c r="C15" s="63"/>
      <c r="D15" s="61"/>
      <c r="E15" s="61"/>
      <c r="F15" s="61"/>
      <c r="G15" s="61"/>
      <c r="H15" s="61" t="s">
        <v>25</v>
      </c>
      <c r="I15" s="61" t="s">
        <v>25</v>
      </c>
      <c r="J15" s="61" t="s">
        <v>25</v>
      </c>
      <c r="K15" s="61" t="s">
        <v>25</v>
      </c>
      <c r="L15" s="61" t="s">
        <v>25</v>
      </c>
      <c r="M15" s="61" t="s">
        <v>25</v>
      </c>
      <c r="N15" s="61"/>
      <c r="O15" s="61" t="s">
        <v>61</v>
      </c>
      <c r="P15" s="61"/>
    </row>
    <row r="16" spans="1:16" x14ac:dyDescent="0.35">
      <c r="A16" s="61">
        <v>14</v>
      </c>
      <c r="B16" s="63"/>
      <c r="C16" s="63"/>
      <c r="D16" s="61"/>
      <c r="E16" s="61"/>
      <c r="F16" s="61"/>
      <c r="G16" s="61"/>
      <c r="H16" s="61" t="s">
        <v>25</v>
      </c>
      <c r="I16" s="61" t="s">
        <v>25</v>
      </c>
      <c r="J16" s="61" t="s">
        <v>25</v>
      </c>
      <c r="K16" s="61" t="s">
        <v>25</v>
      </c>
      <c r="L16" s="61" t="s">
        <v>25</v>
      </c>
      <c r="M16" s="61" t="s">
        <v>25</v>
      </c>
      <c r="N16" s="61"/>
      <c r="O16" s="61" t="s">
        <v>60</v>
      </c>
      <c r="P16" s="61"/>
    </row>
    <row r="17" spans="1:16" x14ac:dyDescent="0.35">
      <c r="A17" s="61">
        <v>15</v>
      </c>
      <c r="B17" s="63"/>
      <c r="C17" s="63"/>
      <c r="D17" s="61"/>
      <c r="E17" s="61"/>
      <c r="F17" s="61"/>
      <c r="G17" s="61"/>
      <c r="H17" s="61" t="s">
        <v>25</v>
      </c>
      <c r="I17" s="61" t="s">
        <v>25</v>
      </c>
      <c r="J17" s="61" t="s">
        <v>25</v>
      </c>
      <c r="K17" s="61" t="s">
        <v>25</v>
      </c>
      <c r="L17" s="61" t="s">
        <v>25</v>
      </c>
      <c r="M17" s="61" t="s">
        <v>25</v>
      </c>
      <c r="N17" s="61"/>
      <c r="O17" s="61" t="s">
        <v>59</v>
      </c>
      <c r="P17" s="61"/>
    </row>
    <row r="18" spans="1:16" x14ac:dyDescent="0.35">
      <c r="A18" s="61">
        <v>16</v>
      </c>
      <c r="B18" s="63"/>
      <c r="C18" s="63"/>
      <c r="D18" s="61"/>
      <c r="E18" s="61"/>
      <c r="F18" s="61"/>
      <c r="G18" s="61"/>
      <c r="H18" s="61" t="s">
        <v>25</v>
      </c>
      <c r="I18" s="61" t="s">
        <v>25</v>
      </c>
      <c r="J18" s="61" t="s">
        <v>25</v>
      </c>
      <c r="K18" s="61" t="s">
        <v>25</v>
      </c>
      <c r="L18" s="61" t="s">
        <v>25</v>
      </c>
      <c r="M18" s="61" t="s">
        <v>25</v>
      </c>
      <c r="N18" s="61"/>
      <c r="O18" s="61" t="s">
        <v>61</v>
      </c>
      <c r="P18" s="61"/>
    </row>
    <row r="19" spans="1:16" x14ac:dyDescent="0.35">
      <c r="A19" s="61">
        <v>17</v>
      </c>
      <c r="B19" s="63"/>
      <c r="C19" s="63"/>
      <c r="D19" s="61"/>
      <c r="E19" s="61"/>
      <c r="F19" s="61"/>
      <c r="G19" s="61"/>
      <c r="H19" s="61" t="s">
        <v>25</v>
      </c>
      <c r="I19" s="61" t="s">
        <v>25</v>
      </c>
      <c r="J19" s="61" t="s">
        <v>25</v>
      </c>
      <c r="K19" s="61" t="s">
        <v>25</v>
      </c>
      <c r="L19" s="61" t="s">
        <v>25</v>
      </c>
      <c r="M19" s="61" t="s">
        <v>25</v>
      </c>
      <c r="N19" s="61"/>
      <c r="O19" s="61" t="s">
        <v>61</v>
      </c>
      <c r="P19" s="61"/>
    </row>
    <row r="20" spans="1:16" x14ac:dyDescent="0.35">
      <c r="A20" s="61">
        <v>18</v>
      </c>
      <c r="B20" s="63"/>
      <c r="C20" s="63"/>
      <c r="D20" s="61"/>
      <c r="E20" s="61"/>
      <c r="F20" s="61"/>
      <c r="G20" s="61"/>
      <c r="H20" s="61" t="s">
        <v>25</v>
      </c>
      <c r="I20" s="61" t="s">
        <v>25</v>
      </c>
      <c r="J20" s="61" t="s">
        <v>25</v>
      </c>
      <c r="K20" s="61" t="s">
        <v>25</v>
      </c>
      <c r="L20" s="61" t="s">
        <v>25</v>
      </c>
      <c r="M20" s="61" t="s">
        <v>25</v>
      </c>
      <c r="N20" s="61"/>
      <c r="O20" s="61" t="s">
        <v>62</v>
      </c>
      <c r="P20" s="61"/>
    </row>
    <row r="21" spans="1:16" x14ac:dyDescent="0.35">
      <c r="A21" s="61">
        <v>19</v>
      </c>
      <c r="B21" s="63"/>
      <c r="C21" s="63"/>
      <c r="D21" s="61"/>
      <c r="E21" s="61"/>
      <c r="F21" s="61"/>
      <c r="G21" s="61"/>
      <c r="H21" s="61" t="s">
        <v>25</v>
      </c>
      <c r="I21" s="61" t="s">
        <v>25</v>
      </c>
      <c r="J21" s="61" t="s">
        <v>25</v>
      </c>
      <c r="K21" s="61" t="s">
        <v>25</v>
      </c>
      <c r="L21" s="61" t="s">
        <v>25</v>
      </c>
      <c r="M21" s="61" t="s">
        <v>25</v>
      </c>
      <c r="N21" s="61"/>
      <c r="O21" s="61" t="s">
        <v>61</v>
      </c>
      <c r="P21" s="61"/>
    </row>
    <row r="22" spans="1:16" x14ac:dyDescent="0.35">
      <c r="A22" s="61">
        <v>20</v>
      </c>
      <c r="B22" s="63"/>
      <c r="C22" s="63"/>
      <c r="D22" s="61"/>
      <c r="E22" s="61"/>
      <c r="F22" s="61"/>
      <c r="G22" s="61"/>
      <c r="H22" s="61" t="s">
        <v>25</v>
      </c>
      <c r="I22" s="61" t="s">
        <v>25</v>
      </c>
      <c r="J22" s="61" t="s">
        <v>25</v>
      </c>
      <c r="K22" s="61" t="s">
        <v>25</v>
      </c>
      <c r="L22" s="61" t="s">
        <v>25</v>
      </c>
      <c r="M22" s="61" t="s">
        <v>25</v>
      </c>
      <c r="N22" s="61"/>
      <c r="O22" s="61" t="s">
        <v>59</v>
      </c>
      <c r="P22" s="61"/>
    </row>
    <row r="23" spans="1:16" x14ac:dyDescent="0.35">
      <c r="A23" s="61">
        <v>21</v>
      </c>
      <c r="B23" s="63"/>
      <c r="C23" s="63"/>
      <c r="D23" s="61"/>
      <c r="E23" s="61"/>
      <c r="F23" s="61"/>
      <c r="G23" s="61"/>
      <c r="H23" s="61" t="s">
        <v>25</v>
      </c>
      <c r="I23" s="61" t="s">
        <v>25</v>
      </c>
      <c r="J23" s="61" t="s">
        <v>25</v>
      </c>
      <c r="K23" s="61" t="s">
        <v>25</v>
      </c>
      <c r="L23" s="61" t="s">
        <v>25</v>
      </c>
      <c r="M23" s="61" t="s">
        <v>25</v>
      </c>
      <c r="N23" s="61"/>
      <c r="O23" s="61" t="s">
        <v>61</v>
      </c>
      <c r="P23" s="61"/>
    </row>
    <row r="24" spans="1:16" x14ac:dyDescent="0.35">
      <c r="A24" s="61">
        <v>22</v>
      </c>
      <c r="B24" s="63"/>
      <c r="C24" s="63"/>
      <c r="D24" s="61"/>
      <c r="E24" s="61"/>
      <c r="F24" s="61"/>
      <c r="G24" s="61"/>
      <c r="H24" s="61" t="s">
        <v>25</v>
      </c>
      <c r="I24" s="61" t="s">
        <v>25</v>
      </c>
      <c r="J24" s="61" t="s">
        <v>25</v>
      </c>
      <c r="K24" s="61" t="s">
        <v>25</v>
      </c>
      <c r="L24" s="61" t="s">
        <v>25</v>
      </c>
      <c r="M24" s="61" t="s">
        <v>25</v>
      </c>
      <c r="N24" s="61"/>
      <c r="O24" s="61" t="s">
        <v>62</v>
      </c>
      <c r="P24" s="61"/>
    </row>
    <row r="25" spans="1:16" x14ac:dyDescent="0.35">
      <c r="A25" s="61">
        <v>23</v>
      </c>
      <c r="B25" s="63"/>
      <c r="C25" s="63"/>
      <c r="D25" s="61"/>
      <c r="E25" s="61"/>
      <c r="F25" s="61"/>
      <c r="G25" s="61"/>
      <c r="H25" s="61" t="s">
        <v>25</v>
      </c>
      <c r="I25" s="61" t="s">
        <v>25</v>
      </c>
      <c r="J25" s="61" t="s">
        <v>25</v>
      </c>
      <c r="K25" s="61" t="s">
        <v>25</v>
      </c>
      <c r="L25" s="61" t="s">
        <v>25</v>
      </c>
      <c r="M25" s="61" t="s">
        <v>25</v>
      </c>
      <c r="N25" s="61"/>
      <c r="O25" s="61" t="s">
        <v>59</v>
      </c>
      <c r="P25" s="61"/>
    </row>
    <row r="26" spans="1:16" x14ac:dyDescent="0.35">
      <c r="A26" s="61">
        <v>24</v>
      </c>
      <c r="B26" s="63"/>
      <c r="C26" s="63"/>
      <c r="D26" s="61"/>
      <c r="E26" s="61"/>
      <c r="F26" s="61"/>
      <c r="G26" s="61"/>
      <c r="H26" s="61" t="s">
        <v>25</v>
      </c>
      <c r="I26" s="61" t="s">
        <v>25</v>
      </c>
      <c r="J26" s="61" t="s">
        <v>25</v>
      </c>
      <c r="K26" s="61" t="s">
        <v>25</v>
      </c>
      <c r="L26" s="61" t="s">
        <v>25</v>
      </c>
      <c r="M26" s="61" t="s">
        <v>25</v>
      </c>
      <c r="N26" s="61"/>
      <c r="O26" s="61" t="s">
        <v>59</v>
      </c>
      <c r="P26" s="61"/>
    </row>
    <row r="27" spans="1:16" x14ac:dyDescent="0.35">
      <c r="A27" s="61">
        <v>25</v>
      </c>
      <c r="B27" s="63"/>
      <c r="C27" s="63"/>
      <c r="D27" s="61"/>
      <c r="E27" s="61"/>
      <c r="F27" s="61"/>
      <c r="G27" s="61"/>
      <c r="H27" s="61" t="s">
        <v>25</v>
      </c>
      <c r="I27" s="61" t="s">
        <v>25</v>
      </c>
      <c r="J27" s="61" t="s">
        <v>25</v>
      </c>
      <c r="K27" s="61" t="s">
        <v>25</v>
      </c>
      <c r="L27" s="61" t="s">
        <v>25</v>
      </c>
      <c r="M27" s="61" t="s">
        <v>25</v>
      </c>
      <c r="N27" s="61"/>
      <c r="O27" s="61" t="s">
        <v>61</v>
      </c>
      <c r="P27" s="61"/>
    </row>
    <row r="28" spans="1:16" x14ac:dyDescent="0.35">
      <c r="A28" s="61">
        <v>26</v>
      </c>
      <c r="B28" s="63"/>
      <c r="C28" s="63"/>
      <c r="D28" s="61"/>
      <c r="E28" s="61"/>
      <c r="F28" s="61"/>
      <c r="G28" s="61"/>
      <c r="H28" s="61" t="s">
        <v>25</v>
      </c>
      <c r="I28" s="61" t="s">
        <v>25</v>
      </c>
      <c r="J28" s="61" t="s">
        <v>25</v>
      </c>
      <c r="K28" s="61" t="s">
        <v>25</v>
      </c>
      <c r="L28" s="61" t="s">
        <v>25</v>
      </c>
      <c r="M28" s="61" t="s">
        <v>25</v>
      </c>
      <c r="N28" s="61"/>
      <c r="O28" s="61" t="s">
        <v>59</v>
      </c>
      <c r="P28" s="61"/>
    </row>
    <row r="29" spans="1:16" x14ac:dyDescent="0.35">
      <c r="A29" s="61">
        <v>27</v>
      </c>
      <c r="B29" s="63"/>
      <c r="C29" s="63"/>
      <c r="D29" s="61"/>
      <c r="E29" s="61"/>
      <c r="F29" s="61"/>
      <c r="G29" s="61"/>
      <c r="H29" s="61" t="s">
        <v>25</v>
      </c>
      <c r="I29" s="61" t="s">
        <v>25</v>
      </c>
      <c r="J29" s="61" t="s">
        <v>25</v>
      </c>
      <c r="K29" s="61" t="s">
        <v>25</v>
      </c>
      <c r="L29" s="61" t="s">
        <v>25</v>
      </c>
      <c r="M29" s="61" t="s">
        <v>25</v>
      </c>
      <c r="N29" s="61"/>
      <c r="O29" s="61" t="s">
        <v>62</v>
      </c>
      <c r="P29" s="61"/>
    </row>
    <row r="30" spans="1:16" x14ac:dyDescent="0.35">
      <c r="A30" s="61">
        <v>28</v>
      </c>
      <c r="B30" s="63"/>
      <c r="C30" s="63"/>
      <c r="D30" s="61"/>
      <c r="E30" s="61"/>
      <c r="F30" s="61"/>
      <c r="G30" s="61"/>
      <c r="H30" s="61" t="s">
        <v>25</v>
      </c>
      <c r="I30" s="61" t="s">
        <v>25</v>
      </c>
      <c r="J30" s="61" t="s">
        <v>25</v>
      </c>
      <c r="K30" s="61" t="s">
        <v>25</v>
      </c>
      <c r="L30" s="61" t="s">
        <v>25</v>
      </c>
      <c r="M30" s="61" t="s">
        <v>25</v>
      </c>
      <c r="N30" s="61"/>
      <c r="O30" s="61" t="s">
        <v>60</v>
      </c>
      <c r="P30" s="61"/>
    </row>
    <row r="31" spans="1:16" x14ac:dyDescent="0.35">
      <c r="A31" s="61">
        <v>29</v>
      </c>
      <c r="B31" s="63"/>
      <c r="C31" s="63"/>
      <c r="D31" s="61"/>
      <c r="E31" s="61"/>
      <c r="F31" s="61"/>
      <c r="G31" s="61"/>
      <c r="H31" s="61" t="s">
        <v>25</v>
      </c>
      <c r="I31" s="61" t="s">
        <v>25</v>
      </c>
      <c r="J31" s="61" t="s">
        <v>25</v>
      </c>
      <c r="K31" s="61" t="s">
        <v>25</v>
      </c>
      <c r="L31" s="61" t="s">
        <v>25</v>
      </c>
      <c r="M31" s="61" t="s">
        <v>25</v>
      </c>
      <c r="N31" s="61"/>
      <c r="O31" s="61" t="s">
        <v>61</v>
      </c>
      <c r="P31" s="61"/>
    </row>
    <row r="32" spans="1:16" x14ac:dyDescent="0.35">
      <c r="A32" s="61">
        <v>30</v>
      </c>
      <c r="B32" s="63"/>
      <c r="C32" s="63"/>
      <c r="D32" s="61"/>
      <c r="E32" s="61"/>
      <c r="F32" s="61"/>
      <c r="G32" s="61"/>
      <c r="H32" s="61" t="s">
        <v>25</v>
      </c>
      <c r="I32" s="61" t="s">
        <v>25</v>
      </c>
      <c r="J32" s="61" t="s">
        <v>25</v>
      </c>
      <c r="K32" s="61" t="s">
        <v>25</v>
      </c>
      <c r="L32" s="61" t="s">
        <v>25</v>
      </c>
      <c r="M32" s="61" t="s">
        <v>25</v>
      </c>
      <c r="N32" s="61"/>
      <c r="O32" s="61" t="s">
        <v>59</v>
      </c>
      <c r="P32" s="61"/>
    </row>
    <row r="33" spans="1:16" x14ac:dyDescent="0.35">
      <c r="A33" s="61">
        <v>31</v>
      </c>
      <c r="B33" s="63"/>
      <c r="C33" s="63"/>
      <c r="D33" s="61"/>
      <c r="E33" s="61"/>
      <c r="F33" s="61"/>
      <c r="G33" s="61"/>
      <c r="H33" s="61" t="s">
        <v>25</v>
      </c>
      <c r="I33" s="61" t="s">
        <v>25</v>
      </c>
      <c r="J33" s="61" t="s">
        <v>25</v>
      </c>
      <c r="K33" s="61" t="s">
        <v>25</v>
      </c>
      <c r="L33" s="61" t="s">
        <v>25</v>
      </c>
      <c r="M33" s="61" t="s">
        <v>25</v>
      </c>
      <c r="N33" s="61"/>
      <c r="O33" s="61" t="s">
        <v>62</v>
      </c>
      <c r="P33" s="61"/>
    </row>
    <row r="34" spans="1:16" x14ac:dyDescent="0.35">
      <c r="A34" s="61">
        <v>32</v>
      </c>
      <c r="B34" s="63"/>
      <c r="C34" s="63"/>
      <c r="D34" s="61"/>
      <c r="E34" s="61"/>
      <c r="F34" s="61"/>
      <c r="G34" s="61"/>
      <c r="H34" s="61" t="s">
        <v>25</v>
      </c>
      <c r="I34" s="61" t="s">
        <v>25</v>
      </c>
      <c r="J34" s="61" t="s">
        <v>25</v>
      </c>
      <c r="K34" s="61" t="s">
        <v>25</v>
      </c>
      <c r="L34" s="61" t="s">
        <v>25</v>
      </c>
      <c r="M34" s="61" t="s">
        <v>25</v>
      </c>
      <c r="N34" s="61"/>
      <c r="O34" s="61" t="s">
        <v>59</v>
      </c>
      <c r="P34" s="61"/>
    </row>
    <row r="35" spans="1:16" x14ac:dyDescent="0.35">
      <c r="A35" s="61">
        <v>33</v>
      </c>
      <c r="B35" s="63"/>
      <c r="C35" s="63"/>
      <c r="D35" s="61"/>
      <c r="E35" s="61"/>
      <c r="F35" s="61"/>
      <c r="G35" s="61"/>
      <c r="H35" s="61" t="s">
        <v>25</v>
      </c>
      <c r="I35" s="61" t="s">
        <v>25</v>
      </c>
      <c r="J35" s="61" t="s">
        <v>25</v>
      </c>
      <c r="K35" s="61" t="s">
        <v>25</v>
      </c>
      <c r="L35" s="61" t="s">
        <v>25</v>
      </c>
      <c r="M35" s="61" t="s">
        <v>25</v>
      </c>
      <c r="N35" s="61"/>
      <c r="O35" s="61" t="s">
        <v>59</v>
      </c>
      <c r="P35" s="61"/>
    </row>
    <row r="36" spans="1:16" x14ac:dyDescent="0.35">
      <c r="A36" s="61">
        <v>34</v>
      </c>
      <c r="B36" s="63"/>
      <c r="C36" s="63"/>
      <c r="D36" s="61"/>
      <c r="E36" s="61"/>
      <c r="F36" s="61"/>
      <c r="G36" s="61"/>
      <c r="H36" s="61" t="s">
        <v>25</v>
      </c>
      <c r="I36" s="61" t="s">
        <v>25</v>
      </c>
      <c r="J36" s="61" t="s">
        <v>25</v>
      </c>
      <c r="K36" s="61" t="s">
        <v>25</v>
      </c>
      <c r="L36" s="61" t="s">
        <v>25</v>
      </c>
      <c r="M36" s="61" t="s">
        <v>25</v>
      </c>
      <c r="N36" s="61"/>
      <c r="O36" s="61" t="s">
        <v>59</v>
      </c>
      <c r="P36" s="61"/>
    </row>
    <row r="37" spans="1:16" x14ac:dyDescent="0.35">
      <c r="A37" s="61">
        <v>35</v>
      </c>
      <c r="B37" s="61"/>
      <c r="C37" s="61"/>
      <c r="D37" s="61"/>
      <c r="E37" s="61"/>
      <c r="F37" s="61" t="s">
        <v>25</v>
      </c>
      <c r="G37" s="61" t="s">
        <v>25</v>
      </c>
      <c r="H37" s="61" t="s">
        <v>25</v>
      </c>
      <c r="I37" s="61" t="s">
        <v>25</v>
      </c>
      <c r="J37" s="61" t="s">
        <v>25</v>
      </c>
      <c r="K37" s="61" t="s">
        <v>25</v>
      </c>
      <c r="L37" s="61" t="s">
        <v>25</v>
      </c>
      <c r="M37" s="61" t="s">
        <v>25</v>
      </c>
      <c r="N37" s="61"/>
      <c r="O37" s="61" t="s">
        <v>61</v>
      </c>
      <c r="P37" s="61"/>
    </row>
    <row r="38" spans="1:16" x14ac:dyDescent="0.35">
      <c r="A38" s="61">
        <v>36</v>
      </c>
      <c r="B38" s="61"/>
      <c r="C38" s="61"/>
      <c r="D38" s="61"/>
      <c r="E38" s="61"/>
      <c r="F38" s="61" t="s">
        <v>25</v>
      </c>
      <c r="G38" s="61" t="s">
        <v>25</v>
      </c>
      <c r="H38" s="61" t="s">
        <v>25</v>
      </c>
      <c r="I38" s="61" t="s">
        <v>25</v>
      </c>
      <c r="J38" s="61" t="s">
        <v>25</v>
      </c>
      <c r="K38" s="61" t="s">
        <v>25</v>
      </c>
      <c r="L38" s="61" t="s">
        <v>25</v>
      </c>
      <c r="M38" s="61" t="s">
        <v>25</v>
      </c>
      <c r="N38" s="61"/>
      <c r="O38" s="61" t="s">
        <v>59</v>
      </c>
      <c r="P38" s="61"/>
    </row>
    <row r="39" spans="1:16" x14ac:dyDescent="0.35">
      <c r="A39" s="61">
        <v>37</v>
      </c>
      <c r="B39" s="61"/>
      <c r="C39" s="61"/>
      <c r="D39" s="61"/>
      <c r="E39" s="61"/>
      <c r="F39" s="61" t="s">
        <v>25</v>
      </c>
      <c r="G39" s="61" t="s">
        <v>25</v>
      </c>
      <c r="H39" s="61" t="s">
        <v>25</v>
      </c>
      <c r="I39" s="61" t="s">
        <v>25</v>
      </c>
      <c r="J39" s="61" t="s">
        <v>25</v>
      </c>
      <c r="K39" s="61" t="s">
        <v>25</v>
      </c>
      <c r="L39" s="61" t="s">
        <v>25</v>
      </c>
      <c r="M39" s="61" t="s">
        <v>25</v>
      </c>
      <c r="N39" s="61"/>
      <c r="O39" s="61" t="s">
        <v>59</v>
      </c>
      <c r="P39" s="61"/>
    </row>
    <row r="40" spans="1:16" x14ac:dyDescent="0.35">
      <c r="A40" s="61">
        <v>38</v>
      </c>
      <c r="B40" s="61"/>
      <c r="C40" s="61"/>
      <c r="D40" s="61"/>
      <c r="E40" s="61"/>
      <c r="F40" s="61" t="s">
        <v>25</v>
      </c>
      <c r="G40" s="61" t="s">
        <v>25</v>
      </c>
      <c r="H40" s="61" t="s">
        <v>25</v>
      </c>
      <c r="I40" s="61" t="s">
        <v>25</v>
      </c>
      <c r="J40" s="61" t="s">
        <v>25</v>
      </c>
      <c r="K40" s="61" t="s">
        <v>25</v>
      </c>
      <c r="L40" s="61" t="s">
        <v>25</v>
      </c>
      <c r="M40" s="61" t="s">
        <v>25</v>
      </c>
      <c r="N40" s="61"/>
      <c r="O40" s="61" t="s">
        <v>59</v>
      </c>
      <c r="P40" s="61"/>
    </row>
    <row r="41" spans="1:16" x14ac:dyDescent="0.35">
      <c r="A41" s="61">
        <v>39</v>
      </c>
      <c r="B41" s="61"/>
      <c r="C41" s="61"/>
      <c r="D41" s="61"/>
      <c r="E41" s="61"/>
      <c r="F41" s="61" t="s">
        <v>25</v>
      </c>
      <c r="G41" s="61" t="s">
        <v>25</v>
      </c>
      <c r="H41" s="61" t="s">
        <v>25</v>
      </c>
      <c r="I41" s="61" t="s">
        <v>25</v>
      </c>
      <c r="J41" s="61" t="s">
        <v>25</v>
      </c>
      <c r="K41" s="61" t="s">
        <v>25</v>
      </c>
      <c r="L41" s="61" t="s">
        <v>25</v>
      </c>
      <c r="M41" s="61" t="s">
        <v>25</v>
      </c>
      <c r="N41" s="61"/>
      <c r="O41" s="61" t="s">
        <v>59</v>
      </c>
      <c r="P41" s="61"/>
    </row>
    <row r="42" spans="1:16" x14ac:dyDescent="0.35">
      <c r="A42" s="61">
        <v>40</v>
      </c>
      <c r="B42" s="61"/>
      <c r="C42" s="61"/>
      <c r="D42" s="61"/>
      <c r="E42" s="61"/>
      <c r="F42" s="61" t="s">
        <v>25</v>
      </c>
      <c r="G42" s="61" t="s">
        <v>25</v>
      </c>
      <c r="H42" s="61" t="s">
        <v>25</v>
      </c>
      <c r="I42" s="61" t="s">
        <v>25</v>
      </c>
      <c r="J42" s="61" t="s">
        <v>25</v>
      </c>
      <c r="K42" s="61" t="s">
        <v>25</v>
      </c>
      <c r="L42" s="61" t="s">
        <v>25</v>
      </c>
      <c r="M42" s="61" t="s">
        <v>25</v>
      </c>
      <c r="N42" s="61"/>
      <c r="O42" s="61" t="s">
        <v>62</v>
      </c>
      <c r="P42" s="61"/>
    </row>
    <row r="43" spans="1:16" x14ac:dyDescent="0.35">
      <c r="A43" s="61">
        <v>41</v>
      </c>
      <c r="B43" s="61"/>
      <c r="C43" s="61"/>
      <c r="D43" s="61"/>
      <c r="E43" s="61"/>
      <c r="F43" s="61" t="s">
        <v>25</v>
      </c>
      <c r="G43" s="61" t="s">
        <v>25</v>
      </c>
      <c r="H43" s="61" t="s">
        <v>25</v>
      </c>
      <c r="I43" s="61" t="s">
        <v>25</v>
      </c>
      <c r="J43" s="61" t="s">
        <v>25</v>
      </c>
      <c r="K43" s="61" t="s">
        <v>25</v>
      </c>
      <c r="L43" s="61" t="s">
        <v>25</v>
      </c>
      <c r="M43" s="61" t="s">
        <v>25</v>
      </c>
      <c r="N43" s="61"/>
      <c r="O43" s="61" t="s">
        <v>59</v>
      </c>
      <c r="P43" s="61"/>
    </row>
    <row r="44" spans="1:16" x14ac:dyDescent="0.35">
      <c r="A44" s="61">
        <v>42</v>
      </c>
      <c r="B44" s="61"/>
      <c r="C44" s="61"/>
      <c r="D44" s="61"/>
      <c r="E44" s="61"/>
      <c r="F44" s="61" t="s">
        <v>25</v>
      </c>
      <c r="G44" s="61" t="s">
        <v>25</v>
      </c>
      <c r="H44" s="61" t="s">
        <v>25</v>
      </c>
      <c r="I44" s="61" t="s">
        <v>25</v>
      </c>
      <c r="J44" s="61" t="s">
        <v>25</v>
      </c>
      <c r="K44" s="61" t="s">
        <v>25</v>
      </c>
      <c r="L44" s="61" t="s">
        <v>25</v>
      </c>
      <c r="M44" s="61" t="s">
        <v>25</v>
      </c>
      <c r="N44" s="61"/>
      <c r="O44" s="61" t="s">
        <v>62</v>
      </c>
      <c r="P44" s="61"/>
    </row>
    <row r="45" spans="1:16" x14ac:dyDescent="0.35">
      <c r="A45" s="61">
        <v>43</v>
      </c>
      <c r="B45" s="61"/>
      <c r="C45" s="61"/>
      <c r="D45" s="61"/>
      <c r="E45" s="61"/>
      <c r="F45" s="61" t="s">
        <v>25</v>
      </c>
      <c r="G45" s="61" t="s">
        <v>25</v>
      </c>
      <c r="H45" s="61" t="s">
        <v>25</v>
      </c>
      <c r="I45" s="61" t="s">
        <v>25</v>
      </c>
      <c r="J45" s="61" t="s">
        <v>25</v>
      </c>
      <c r="K45" s="61" t="s">
        <v>25</v>
      </c>
      <c r="L45" s="61" t="s">
        <v>25</v>
      </c>
      <c r="M45" s="61" t="s">
        <v>25</v>
      </c>
      <c r="N45" s="61" t="s">
        <v>25</v>
      </c>
      <c r="O45" s="61" t="s">
        <v>61</v>
      </c>
      <c r="P45" s="61"/>
    </row>
    <row r="46" spans="1:16" x14ac:dyDescent="0.35">
      <c r="A46" s="61">
        <v>44</v>
      </c>
      <c r="B46" s="61"/>
      <c r="C46" s="61"/>
      <c r="D46" s="61"/>
      <c r="E46" s="61"/>
      <c r="F46" s="61" t="s">
        <v>25</v>
      </c>
      <c r="G46" s="61" t="s">
        <v>25</v>
      </c>
      <c r="H46" s="61" t="s">
        <v>25</v>
      </c>
      <c r="I46" s="61" t="s">
        <v>25</v>
      </c>
      <c r="J46" s="61" t="s">
        <v>25</v>
      </c>
      <c r="K46" s="61" t="s">
        <v>25</v>
      </c>
      <c r="L46" s="61" t="s">
        <v>25</v>
      </c>
      <c r="M46" s="61" t="s">
        <v>25</v>
      </c>
      <c r="N46" s="61" t="s">
        <v>25</v>
      </c>
      <c r="O46" s="61" t="s">
        <v>59</v>
      </c>
      <c r="P46" s="61"/>
    </row>
    <row r="47" spans="1:16" x14ac:dyDescent="0.35">
      <c r="A47" s="61">
        <v>45</v>
      </c>
      <c r="B47" s="61"/>
      <c r="C47" s="61"/>
      <c r="D47" s="61"/>
      <c r="E47" s="61"/>
      <c r="F47" s="61" t="s">
        <v>25</v>
      </c>
      <c r="G47" s="61" t="s">
        <v>25</v>
      </c>
      <c r="H47" s="61" t="s">
        <v>25</v>
      </c>
      <c r="I47" s="61" t="s">
        <v>25</v>
      </c>
      <c r="J47" s="61" t="s">
        <v>25</v>
      </c>
      <c r="K47" s="61" t="s">
        <v>25</v>
      </c>
      <c r="L47" s="61" t="s">
        <v>25</v>
      </c>
      <c r="M47" s="61" t="s">
        <v>25</v>
      </c>
      <c r="N47" s="61" t="s">
        <v>25</v>
      </c>
      <c r="O47" s="61" t="s">
        <v>59</v>
      </c>
      <c r="P47" s="61"/>
    </row>
    <row r="48" spans="1:16" x14ac:dyDescent="0.35">
      <c r="A48" s="61">
        <v>46</v>
      </c>
      <c r="B48" s="61"/>
      <c r="C48" s="61"/>
      <c r="D48" s="61"/>
      <c r="E48" s="61"/>
      <c r="F48" s="61" t="s">
        <v>25</v>
      </c>
      <c r="G48" s="61" t="s">
        <v>25</v>
      </c>
      <c r="H48" s="61" t="s">
        <v>25</v>
      </c>
      <c r="I48" s="61" t="s">
        <v>25</v>
      </c>
      <c r="J48" s="61" t="s">
        <v>25</v>
      </c>
      <c r="K48" s="61" t="s">
        <v>25</v>
      </c>
      <c r="L48" s="61" t="s">
        <v>25</v>
      </c>
      <c r="M48" s="61" t="s">
        <v>25</v>
      </c>
      <c r="N48" s="61" t="s">
        <v>25</v>
      </c>
      <c r="O48" s="61" t="s">
        <v>62</v>
      </c>
      <c r="P48" s="61"/>
    </row>
    <row r="49" spans="1:16" x14ac:dyDescent="0.35">
      <c r="A49" s="61">
        <v>47</v>
      </c>
      <c r="B49" s="61"/>
      <c r="C49" s="61"/>
      <c r="D49" s="61"/>
      <c r="E49" s="61"/>
      <c r="F49" s="61" t="s">
        <v>25</v>
      </c>
      <c r="G49" s="61" t="s">
        <v>25</v>
      </c>
      <c r="H49" s="61" t="s">
        <v>25</v>
      </c>
      <c r="I49" s="61" t="s">
        <v>25</v>
      </c>
      <c r="J49" s="61" t="s">
        <v>25</v>
      </c>
      <c r="K49" s="61" t="s">
        <v>25</v>
      </c>
      <c r="L49" s="61" t="s">
        <v>25</v>
      </c>
      <c r="M49" s="61" t="s">
        <v>25</v>
      </c>
      <c r="N49" s="61" t="s">
        <v>25</v>
      </c>
      <c r="O49" s="61" t="s">
        <v>59</v>
      </c>
      <c r="P49" s="61"/>
    </row>
    <row r="50" spans="1:16" x14ac:dyDescent="0.35">
      <c r="A50" s="61">
        <v>48</v>
      </c>
      <c r="B50" s="61"/>
      <c r="C50" s="61"/>
      <c r="D50" s="61"/>
      <c r="E50" s="61"/>
      <c r="F50" s="61" t="s">
        <v>25</v>
      </c>
      <c r="G50" s="61" t="s">
        <v>25</v>
      </c>
      <c r="H50" s="61" t="s">
        <v>25</v>
      </c>
      <c r="I50" s="61" t="s">
        <v>25</v>
      </c>
      <c r="J50" s="61" t="s">
        <v>25</v>
      </c>
      <c r="K50" s="61" t="s">
        <v>25</v>
      </c>
      <c r="L50" s="61" t="s">
        <v>25</v>
      </c>
      <c r="M50" s="61" t="s">
        <v>25</v>
      </c>
      <c r="N50" s="61" t="s">
        <v>25</v>
      </c>
      <c r="O50" s="61" t="s">
        <v>59</v>
      </c>
      <c r="P50" s="61"/>
    </row>
    <row r="51" spans="1:16" x14ac:dyDescent="0.35">
      <c r="A51" s="61">
        <v>49</v>
      </c>
      <c r="B51" s="61"/>
      <c r="C51" s="61"/>
      <c r="D51" s="61"/>
      <c r="E51" s="61"/>
      <c r="F51" s="61" t="s">
        <v>25</v>
      </c>
      <c r="G51" s="61" t="s">
        <v>25</v>
      </c>
      <c r="H51" s="61" t="s">
        <v>25</v>
      </c>
      <c r="I51" s="61" t="s">
        <v>25</v>
      </c>
      <c r="J51" s="61" t="s">
        <v>25</v>
      </c>
      <c r="K51" s="61" t="s">
        <v>25</v>
      </c>
      <c r="L51" s="61" t="s">
        <v>25</v>
      </c>
      <c r="M51" s="61" t="s">
        <v>25</v>
      </c>
      <c r="N51" s="61" t="s">
        <v>25</v>
      </c>
      <c r="O51" s="61" t="s">
        <v>60</v>
      </c>
      <c r="P51" s="61"/>
    </row>
    <row r="52" spans="1:16" x14ac:dyDescent="0.35">
      <c r="A52" s="61">
        <v>50</v>
      </c>
      <c r="B52" s="61"/>
      <c r="C52" s="61"/>
      <c r="D52" s="61"/>
      <c r="E52" s="61"/>
      <c r="F52" s="61" t="s">
        <v>25</v>
      </c>
      <c r="G52" s="61" t="s">
        <v>25</v>
      </c>
      <c r="H52" s="61" t="s">
        <v>25</v>
      </c>
      <c r="I52" s="61" t="s">
        <v>25</v>
      </c>
      <c r="J52" s="61" t="s">
        <v>25</v>
      </c>
      <c r="K52" s="61" t="s">
        <v>25</v>
      </c>
      <c r="L52" s="61" t="s">
        <v>25</v>
      </c>
      <c r="M52" s="61" t="s">
        <v>25</v>
      </c>
      <c r="N52" s="61" t="s">
        <v>25</v>
      </c>
      <c r="O52" s="61" t="s">
        <v>60</v>
      </c>
      <c r="P52" s="61"/>
    </row>
  </sheetData>
  <mergeCells count="1">
    <mergeCell ref="N2:O2"/>
  </mergeCells>
  <phoneticPr fontId="2"/>
  <dataValidations count="4">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xr:uid="{00000000-0002-0000-0100-000000000000}">
      <formula1>"　,1.了承する,2.了承しない"</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xr:uid="{00000000-0002-0000-0100-000001000000}">
      <formula1>"　,1.修理依頼シート,2.保証書,3.ACアダプタ,4.ACコード,5.マウス,6.キーボードドック"</formula1>
    </dataValidation>
    <dataValidation type="list" allowBlank="1" showInputMessage="1" showErrorMessage="1" sqref="F3:F52" xr:uid="{00000000-0002-0000-0100-000002000000}">
      <formula1>"　,1.有償,2.保証"</formula1>
    </dataValidation>
    <dataValidation type="list" allowBlank="1" showInputMessage="1" showErrorMessage="1" sqref="N3:N52" xr:uid="{00000000-0002-0000-0100-000003000000}">
      <formula1>"　,7.その他"</formula1>
    </dataValidation>
  </dataValidations>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BA65"/>
  <sheetViews>
    <sheetView showGridLines="0" workbookViewId="0">
      <selection activeCell="C1" sqref="C1"/>
    </sheetView>
  </sheetViews>
  <sheetFormatPr defaultRowHeight="13.5" outlineLevelRow="1" x14ac:dyDescent="0.55000000000000004"/>
  <cols>
    <col min="1" max="1" width="1.25" style="2" customWidth="1"/>
    <col min="2" max="38" width="2.58203125" style="2" customWidth="1"/>
    <col min="39" max="39" width="4.5" style="2" customWidth="1"/>
    <col min="40" max="40" width="0.33203125" style="2" customWidth="1"/>
    <col min="41" max="41" width="1" style="2" customWidth="1"/>
    <col min="42" max="42" width="2.58203125" style="75" customWidth="1"/>
    <col min="43" max="58" width="2.58203125" style="2" customWidth="1"/>
    <col min="59" max="59" width="3.5" style="2" customWidth="1"/>
    <col min="60" max="65" width="2.58203125" style="2" customWidth="1"/>
    <col min="66" max="76" width="9" style="2" customWidth="1"/>
    <col min="77" max="256" width="9" style="2"/>
    <col min="257" max="257" width="1.25" style="2" customWidth="1"/>
    <col min="258" max="294" width="2.58203125" style="2" customWidth="1"/>
    <col min="295" max="295" width="4.5" style="2" customWidth="1"/>
    <col min="296" max="296" width="0.33203125" style="2" customWidth="1"/>
    <col min="297" max="297" width="1" style="2" customWidth="1"/>
    <col min="298" max="321" width="2.58203125" style="2" customWidth="1"/>
    <col min="322" max="332" width="9" style="2" customWidth="1"/>
    <col min="333" max="512" width="9" style="2"/>
    <col min="513" max="513" width="1.25" style="2" customWidth="1"/>
    <col min="514" max="550" width="2.58203125" style="2" customWidth="1"/>
    <col min="551" max="551" width="4.5" style="2" customWidth="1"/>
    <col min="552" max="552" width="0.33203125" style="2" customWidth="1"/>
    <col min="553" max="553" width="1" style="2" customWidth="1"/>
    <col min="554" max="577" width="2.58203125" style="2" customWidth="1"/>
    <col min="578" max="588" width="9" style="2" customWidth="1"/>
    <col min="589" max="768" width="9" style="2"/>
    <col min="769" max="769" width="1.25" style="2" customWidth="1"/>
    <col min="770" max="806" width="2.58203125" style="2" customWidth="1"/>
    <col min="807" max="807" width="4.5" style="2" customWidth="1"/>
    <col min="808" max="808" width="0.33203125" style="2" customWidth="1"/>
    <col min="809" max="809" width="1" style="2" customWidth="1"/>
    <col min="810" max="833" width="2.58203125" style="2" customWidth="1"/>
    <col min="834" max="844" width="9" style="2" customWidth="1"/>
    <col min="845" max="1024" width="9" style="2"/>
    <col min="1025" max="1025" width="1.25" style="2" customWidth="1"/>
    <col min="1026" max="1062" width="2.58203125" style="2" customWidth="1"/>
    <col min="1063" max="1063" width="4.5" style="2" customWidth="1"/>
    <col min="1064" max="1064" width="0.33203125" style="2" customWidth="1"/>
    <col min="1065" max="1065" width="1" style="2" customWidth="1"/>
    <col min="1066" max="1089" width="2.58203125" style="2" customWidth="1"/>
    <col min="1090" max="1100" width="9" style="2" customWidth="1"/>
    <col min="1101" max="1280" width="9" style="2"/>
    <col min="1281" max="1281" width="1.25" style="2" customWidth="1"/>
    <col min="1282" max="1318" width="2.58203125" style="2" customWidth="1"/>
    <col min="1319" max="1319" width="4.5" style="2" customWidth="1"/>
    <col min="1320" max="1320" width="0.33203125" style="2" customWidth="1"/>
    <col min="1321" max="1321" width="1" style="2" customWidth="1"/>
    <col min="1322" max="1345" width="2.58203125" style="2" customWidth="1"/>
    <col min="1346" max="1356" width="9" style="2" customWidth="1"/>
    <col min="1357" max="1536" width="9" style="2"/>
    <col min="1537" max="1537" width="1.25" style="2" customWidth="1"/>
    <col min="1538" max="1574" width="2.58203125" style="2" customWidth="1"/>
    <col min="1575" max="1575" width="4.5" style="2" customWidth="1"/>
    <col min="1576" max="1576" width="0.33203125" style="2" customWidth="1"/>
    <col min="1577" max="1577" width="1" style="2" customWidth="1"/>
    <col min="1578" max="1601" width="2.58203125" style="2" customWidth="1"/>
    <col min="1602" max="1612" width="9" style="2" customWidth="1"/>
    <col min="1613" max="1792" width="9" style="2"/>
    <col min="1793" max="1793" width="1.25" style="2" customWidth="1"/>
    <col min="1794" max="1830" width="2.58203125" style="2" customWidth="1"/>
    <col min="1831" max="1831" width="4.5" style="2" customWidth="1"/>
    <col min="1832" max="1832" width="0.33203125" style="2" customWidth="1"/>
    <col min="1833" max="1833" width="1" style="2" customWidth="1"/>
    <col min="1834" max="1857" width="2.58203125" style="2" customWidth="1"/>
    <col min="1858" max="1868" width="9" style="2" customWidth="1"/>
    <col min="1869" max="2048" width="9" style="2"/>
    <col min="2049" max="2049" width="1.25" style="2" customWidth="1"/>
    <col min="2050" max="2086" width="2.58203125" style="2" customWidth="1"/>
    <col min="2087" max="2087" width="4.5" style="2" customWidth="1"/>
    <col min="2088" max="2088" width="0.33203125" style="2" customWidth="1"/>
    <col min="2089" max="2089" width="1" style="2" customWidth="1"/>
    <col min="2090" max="2113" width="2.58203125" style="2" customWidth="1"/>
    <col min="2114" max="2124" width="9" style="2" customWidth="1"/>
    <col min="2125" max="2304" width="9" style="2"/>
    <col min="2305" max="2305" width="1.25" style="2" customWidth="1"/>
    <col min="2306" max="2342" width="2.58203125" style="2" customWidth="1"/>
    <col min="2343" max="2343" width="4.5" style="2" customWidth="1"/>
    <col min="2344" max="2344" width="0.33203125" style="2" customWidth="1"/>
    <col min="2345" max="2345" width="1" style="2" customWidth="1"/>
    <col min="2346" max="2369" width="2.58203125" style="2" customWidth="1"/>
    <col min="2370" max="2380" width="9" style="2" customWidth="1"/>
    <col min="2381" max="2560" width="9" style="2"/>
    <col min="2561" max="2561" width="1.25" style="2" customWidth="1"/>
    <col min="2562" max="2598" width="2.58203125" style="2" customWidth="1"/>
    <col min="2599" max="2599" width="4.5" style="2" customWidth="1"/>
    <col min="2600" max="2600" width="0.33203125" style="2" customWidth="1"/>
    <col min="2601" max="2601" width="1" style="2" customWidth="1"/>
    <col min="2602" max="2625" width="2.58203125" style="2" customWidth="1"/>
    <col min="2626" max="2636" width="9" style="2" customWidth="1"/>
    <col min="2637" max="2816" width="9" style="2"/>
    <col min="2817" max="2817" width="1.25" style="2" customWidth="1"/>
    <col min="2818" max="2854" width="2.58203125" style="2" customWidth="1"/>
    <col min="2855" max="2855" width="4.5" style="2" customWidth="1"/>
    <col min="2856" max="2856" width="0.33203125" style="2" customWidth="1"/>
    <col min="2857" max="2857" width="1" style="2" customWidth="1"/>
    <col min="2858" max="2881" width="2.58203125" style="2" customWidth="1"/>
    <col min="2882" max="2892" width="9" style="2" customWidth="1"/>
    <col min="2893" max="3072" width="9" style="2"/>
    <col min="3073" max="3073" width="1.25" style="2" customWidth="1"/>
    <col min="3074" max="3110" width="2.58203125" style="2" customWidth="1"/>
    <col min="3111" max="3111" width="4.5" style="2" customWidth="1"/>
    <col min="3112" max="3112" width="0.33203125" style="2" customWidth="1"/>
    <col min="3113" max="3113" width="1" style="2" customWidth="1"/>
    <col min="3114" max="3137" width="2.58203125" style="2" customWidth="1"/>
    <col min="3138" max="3148" width="9" style="2" customWidth="1"/>
    <col min="3149" max="3328" width="9" style="2"/>
    <col min="3329" max="3329" width="1.25" style="2" customWidth="1"/>
    <col min="3330" max="3366" width="2.58203125" style="2" customWidth="1"/>
    <col min="3367" max="3367" width="4.5" style="2" customWidth="1"/>
    <col min="3368" max="3368" width="0.33203125" style="2" customWidth="1"/>
    <col min="3369" max="3369" width="1" style="2" customWidth="1"/>
    <col min="3370" max="3393" width="2.58203125" style="2" customWidth="1"/>
    <col min="3394" max="3404" width="9" style="2" customWidth="1"/>
    <col min="3405" max="3584" width="9" style="2"/>
    <col min="3585" max="3585" width="1.25" style="2" customWidth="1"/>
    <col min="3586" max="3622" width="2.58203125" style="2" customWidth="1"/>
    <col min="3623" max="3623" width="4.5" style="2" customWidth="1"/>
    <col min="3624" max="3624" width="0.33203125" style="2" customWidth="1"/>
    <col min="3625" max="3625" width="1" style="2" customWidth="1"/>
    <col min="3626" max="3649" width="2.58203125" style="2" customWidth="1"/>
    <col min="3650" max="3660" width="9" style="2" customWidth="1"/>
    <col min="3661" max="3840" width="9" style="2"/>
    <col min="3841" max="3841" width="1.25" style="2" customWidth="1"/>
    <col min="3842" max="3878" width="2.58203125" style="2" customWidth="1"/>
    <col min="3879" max="3879" width="4.5" style="2" customWidth="1"/>
    <col min="3880" max="3880" width="0.33203125" style="2" customWidth="1"/>
    <col min="3881" max="3881" width="1" style="2" customWidth="1"/>
    <col min="3882" max="3905" width="2.58203125" style="2" customWidth="1"/>
    <col min="3906" max="3916" width="9" style="2" customWidth="1"/>
    <col min="3917" max="4096" width="9" style="2"/>
    <col min="4097" max="4097" width="1.25" style="2" customWidth="1"/>
    <col min="4098" max="4134" width="2.58203125" style="2" customWidth="1"/>
    <col min="4135" max="4135" width="4.5" style="2" customWidth="1"/>
    <col min="4136" max="4136" width="0.33203125" style="2" customWidth="1"/>
    <col min="4137" max="4137" width="1" style="2" customWidth="1"/>
    <col min="4138" max="4161" width="2.58203125" style="2" customWidth="1"/>
    <col min="4162" max="4172" width="9" style="2" customWidth="1"/>
    <col min="4173" max="4352" width="9" style="2"/>
    <col min="4353" max="4353" width="1.25" style="2" customWidth="1"/>
    <col min="4354" max="4390" width="2.58203125" style="2" customWidth="1"/>
    <col min="4391" max="4391" width="4.5" style="2" customWidth="1"/>
    <col min="4392" max="4392" width="0.33203125" style="2" customWidth="1"/>
    <col min="4393" max="4393" width="1" style="2" customWidth="1"/>
    <col min="4394" max="4417" width="2.58203125" style="2" customWidth="1"/>
    <col min="4418" max="4428" width="9" style="2" customWidth="1"/>
    <col min="4429" max="4608" width="9" style="2"/>
    <col min="4609" max="4609" width="1.25" style="2" customWidth="1"/>
    <col min="4610" max="4646" width="2.58203125" style="2" customWidth="1"/>
    <col min="4647" max="4647" width="4.5" style="2" customWidth="1"/>
    <col min="4648" max="4648" width="0.33203125" style="2" customWidth="1"/>
    <col min="4649" max="4649" width="1" style="2" customWidth="1"/>
    <col min="4650" max="4673" width="2.58203125" style="2" customWidth="1"/>
    <col min="4674" max="4684" width="9" style="2" customWidth="1"/>
    <col min="4685" max="4864" width="9" style="2"/>
    <col min="4865" max="4865" width="1.25" style="2" customWidth="1"/>
    <col min="4866" max="4902" width="2.58203125" style="2" customWidth="1"/>
    <col min="4903" max="4903" width="4.5" style="2" customWidth="1"/>
    <col min="4904" max="4904" width="0.33203125" style="2" customWidth="1"/>
    <col min="4905" max="4905" width="1" style="2" customWidth="1"/>
    <col min="4906" max="4929" width="2.58203125" style="2" customWidth="1"/>
    <col min="4930" max="4940" width="9" style="2" customWidth="1"/>
    <col min="4941" max="5120" width="9" style="2"/>
    <col min="5121" max="5121" width="1.25" style="2" customWidth="1"/>
    <col min="5122" max="5158" width="2.58203125" style="2" customWidth="1"/>
    <col min="5159" max="5159" width="4.5" style="2" customWidth="1"/>
    <col min="5160" max="5160" width="0.33203125" style="2" customWidth="1"/>
    <col min="5161" max="5161" width="1" style="2" customWidth="1"/>
    <col min="5162" max="5185" width="2.58203125" style="2" customWidth="1"/>
    <col min="5186" max="5196" width="9" style="2" customWidth="1"/>
    <col min="5197" max="5376" width="9" style="2"/>
    <col min="5377" max="5377" width="1.25" style="2" customWidth="1"/>
    <col min="5378" max="5414" width="2.58203125" style="2" customWidth="1"/>
    <col min="5415" max="5415" width="4.5" style="2" customWidth="1"/>
    <col min="5416" max="5416" width="0.33203125" style="2" customWidth="1"/>
    <col min="5417" max="5417" width="1" style="2" customWidth="1"/>
    <col min="5418" max="5441" width="2.58203125" style="2" customWidth="1"/>
    <col min="5442" max="5452" width="9" style="2" customWidth="1"/>
    <col min="5453" max="5632" width="9" style="2"/>
    <col min="5633" max="5633" width="1.25" style="2" customWidth="1"/>
    <col min="5634" max="5670" width="2.58203125" style="2" customWidth="1"/>
    <col min="5671" max="5671" width="4.5" style="2" customWidth="1"/>
    <col min="5672" max="5672" width="0.33203125" style="2" customWidth="1"/>
    <col min="5673" max="5673" width="1" style="2" customWidth="1"/>
    <col min="5674" max="5697" width="2.58203125" style="2" customWidth="1"/>
    <col min="5698" max="5708" width="9" style="2" customWidth="1"/>
    <col min="5709" max="5888" width="9" style="2"/>
    <col min="5889" max="5889" width="1.25" style="2" customWidth="1"/>
    <col min="5890" max="5926" width="2.58203125" style="2" customWidth="1"/>
    <col min="5927" max="5927" width="4.5" style="2" customWidth="1"/>
    <col min="5928" max="5928" width="0.33203125" style="2" customWidth="1"/>
    <col min="5929" max="5929" width="1" style="2" customWidth="1"/>
    <col min="5930" max="5953" width="2.58203125" style="2" customWidth="1"/>
    <col min="5954" max="5964" width="9" style="2" customWidth="1"/>
    <col min="5965" max="6144" width="9" style="2"/>
    <col min="6145" max="6145" width="1.25" style="2" customWidth="1"/>
    <col min="6146" max="6182" width="2.58203125" style="2" customWidth="1"/>
    <col min="6183" max="6183" width="4.5" style="2" customWidth="1"/>
    <col min="6184" max="6184" width="0.33203125" style="2" customWidth="1"/>
    <col min="6185" max="6185" width="1" style="2" customWidth="1"/>
    <col min="6186" max="6209" width="2.58203125" style="2" customWidth="1"/>
    <col min="6210" max="6220" width="9" style="2" customWidth="1"/>
    <col min="6221" max="6400" width="9" style="2"/>
    <col min="6401" max="6401" width="1.25" style="2" customWidth="1"/>
    <col min="6402" max="6438" width="2.58203125" style="2" customWidth="1"/>
    <col min="6439" max="6439" width="4.5" style="2" customWidth="1"/>
    <col min="6440" max="6440" width="0.33203125" style="2" customWidth="1"/>
    <col min="6441" max="6441" width="1" style="2" customWidth="1"/>
    <col min="6442" max="6465" width="2.58203125" style="2" customWidth="1"/>
    <col min="6466" max="6476" width="9" style="2" customWidth="1"/>
    <col min="6477" max="6656" width="9" style="2"/>
    <col min="6657" max="6657" width="1.25" style="2" customWidth="1"/>
    <col min="6658" max="6694" width="2.58203125" style="2" customWidth="1"/>
    <col min="6695" max="6695" width="4.5" style="2" customWidth="1"/>
    <col min="6696" max="6696" width="0.33203125" style="2" customWidth="1"/>
    <col min="6697" max="6697" width="1" style="2" customWidth="1"/>
    <col min="6698" max="6721" width="2.58203125" style="2" customWidth="1"/>
    <col min="6722" max="6732" width="9" style="2" customWidth="1"/>
    <col min="6733" max="6912" width="9" style="2"/>
    <col min="6913" max="6913" width="1.25" style="2" customWidth="1"/>
    <col min="6914" max="6950" width="2.58203125" style="2" customWidth="1"/>
    <col min="6951" max="6951" width="4.5" style="2" customWidth="1"/>
    <col min="6952" max="6952" width="0.33203125" style="2" customWidth="1"/>
    <col min="6953" max="6953" width="1" style="2" customWidth="1"/>
    <col min="6954" max="6977" width="2.58203125" style="2" customWidth="1"/>
    <col min="6978" max="6988" width="9" style="2" customWidth="1"/>
    <col min="6989" max="7168" width="9" style="2"/>
    <col min="7169" max="7169" width="1.25" style="2" customWidth="1"/>
    <col min="7170" max="7206" width="2.58203125" style="2" customWidth="1"/>
    <col min="7207" max="7207" width="4.5" style="2" customWidth="1"/>
    <col min="7208" max="7208" width="0.33203125" style="2" customWidth="1"/>
    <col min="7209" max="7209" width="1" style="2" customWidth="1"/>
    <col min="7210" max="7233" width="2.58203125" style="2" customWidth="1"/>
    <col min="7234" max="7244" width="9" style="2" customWidth="1"/>
    <col min="7245" max="7424" width="9" style="2"/>
    <col min="7425" max="7425" width="1.25" style="2" customWidth="1"/>
    <col min="7426" max="7462" width="2.58203125" style="2" customWidth="1"/>
    <col min="7463" max="7463" width="4.5" style="2" customWidth="1"/>
    <col min="7464" max="7464" width="0.33203125" style="2" customWidth="1"/>
    <col min="7465" max="7465" width="1" style="2" customWidth="1"/>
    <col min="7466" max="7489" width="2.58203125" style="2" customWidth="1"/>
    <col min="7490" max="7500" width="9" style="2" customWidth="1"/>
    <col min="7501" max="7680" width="9" style="2"/>
    <col min="7681" max="7681" width="1.25" style="2" customWidth="1"/>
    <col min="7682" max="7718" width="2.58203125" style="2" customWidth="1"/>
    <col min="7719" max="7719" width="4.5" style="2" customWidth="1"/>
    <col min="7720" max="7720" width="0.33203125" style="2" customWidth="1"/>
    <col min="7721" max="7721" width="1" style="2" customWidth="1"/>
    <col min="7722" max="7745" width="2.58203125" style="2" customWidth="1"/>
    <col min="7746" max="7756" width="9" style="2" customWidth="1"/>
    <col min="7757" max="7936" width="9" style="2"/>
    <col min="7937" max="7937" width="1.25" style="2" customWidth="1"/>
    <col min="7938" max="7974" width="2.58203125" style="2" customWidth="1"/>
    <col min="7975" max="7975" width="4.5" style="2" customWidth="1"/>
    <col min="7976" max="7976" width="0.33203125" style="2" customWidth="1"/>
    <col min="7977" max="7977" width="1" style="2" customWidth="1"/>
    <col min="7978" max="8001" width="2.58203125" style="2" customWidth="1"/>
    <col min="8002" max="8012" width="9" style="2" customWidth="1"/>
    <col min="8013" max="8192" width="9" style="2"/>
    <col min="8193" max="8193" width="1.25" style="2" customWidth="1"/>
    <col min="8194" max="8230" width="2.58203125" style="2" customWidth="1"/>
    <col min="8231" max="8231" width="4.5" style="2" customWidth="1"/>
    <col min="8232" max="8232" width="0.33203125" style="2" customWidth="1"/>
    <col min="8233" max="8233" width="1" style="2" customWidth="1"/>
    <col min="8234" max="8257" width="2.58203125" style="2" customWidth="1"/>
    <col min="8258" max="8268" width="9" style="2" customWidth="1"/>
    <col min="8269" max="8448" width="9" style="2"/>
    <col min="8449" max="8449" width="1.25" style="2" customWidth="1"/>
    <col min="8450" max="8486" width="2.58203125" style="2" customWidth="1"/>
    <col min="8487" max="8487" width="4.5" style="2" customWidth="1"/>
    <col min="8488" max="8488" width="0.33203125" style="2" customWidth="1"/>
    <col min="8489" max="8489" width="1" style="2" customWidth="1"/>
    <col min="8490" max="8513" width="2.58203125" style="2" customWidth="1"/>
    <col min="8514" max="8524" width="9" style="2" customWidth="1"/>
    <col min="8525" max="8704" width="9" style="2"/>
    <col min="8705" max="8705" width="1.25" style="2" customWidth="1"/>
    <col min="8706" max="8742" width="2.58203125" style="2" customWidth="1"/>
    <col min="8743" max="8743" width="4.5" style="2" customWidth="1"/>
    <col min="8744" max="8744" width="0.33203125" style="2" customWidth="1"/>
    <col min="8745" max="8745" width="1" style="2" customWidth="1"/>
    <col min="8746" max="8769" width="2.58203125" style="2" customWidth="1"/>
    <col min="8770" max="8780" width="9" style="2" customWidth="1"/>
    <col min="8781" max="8960" width="9" style="2"/>
    <col min="8961" max="8961" width="1.25" style="2" customWidth="1"/>
    <col min="8962" max="8998" width="2.58203125" style="2" customWidth="1"/>
    <col min="8999" max="8999" width="4.5" style="2" customWidth="1"/>
    <col min="9000" max="9000" width="0.33203125" style="2" customWidth="1"/>
    <col min="9001" max="9001" width="1" style="2" customWidth="1"/>
    <col min="9002" max="9025" width="2.58203125" style="2" customWidth="1"/>
    <col min="9026" max="9036" width="9" style="2" customWidth="1"/>
    <col min="9037" max="9216" width="9" style="2"/>
    <col min="9217" max="9217" width="1.25" style="2" customWidth="1"/>
    <col min="9218" max="9254" width="2.58203125" style="2" customWidth="1"/>
    <col min="9255" max="9255" width="4.5" style="2" customWidth="1"/>
    <col min="9256" max="9256" width="0.33203125" style="2" customWidth="1"/>
    <col min="9257" max="9257" width="1" style="2" customWidth="1"/>
    <col min="9258" max="9281" width="2.58203125" style="2" customWidth="1"/>
    <col min="9282" max="9292" width="9" style="2" customWidth="1"/>
    <col min="9293" max="9472" width="9" style="2"/>
    <col min="9473" max="9473" width="1.25" style="2" customWidth="1"/>
    <col min="9474" max="9510" width="2.58203125" style="2" customWidth="1"/>
    <col min="9511" max="9511" width="4.5" style="2" customWidth="1"/>
    <col min="9512" max="9512" width="0.33203125" style="2" customWidth="1"/>
    <col min="9513" max="9513" width="1" style="2" customWidth="1"/>
    <col min="9514" max="9537" width="2.58203125" style="2" customWidth="1"/>
    <col min="9538" max="9548" width="9" style="2" customWidth="1"/>
    <col min="9549" max="9728" width="9" style="2"/>
    <col min="9729" max="9729" width="1.25" style="2" customWidth="1"/>
    <col min="9730" max="9766" width="2.58203125" style="2" customWidth="1"/>
    <col min="9767" max="9767" width="4.5" style="2" customWidth="1"/>
    <col min="9768" max="9768" width="0.33203125" style="2" customWidth="1"/>
    <col min="9769" max="9769" width="1" style="2" customWidth="1"/>
    <col min="9770" max="9793" width="2.58203125" style="2" customWidth="1"/>
    <col min="9794" max="9804" width="9" style="2" customWidth="1"/>
    <col min="9805" max="9984" width="9" style="2"/>
    <col min="9985" max="9985" width="1.25" style="2" customWidth="1"/>
    <col min="9986" max="10022" width="2.58203125" style="2" customWidth="1"/>
    <col min="10023" max="10023" width="4.5" style="2" customWidth="1"/>
    <col min="10024" max="10024" width="0.33203125" style="2" customWidth="1"/>
    <col min="10025" max="10025" width="1" style="2" customWidth="1"/>
    <col min="10026" max="10049" width="2.58203125" style="2" customWidth="1"/>
    <col min="10050" max="10060" width="9" style="2" customWidth="1"/>
    <col min="10061" max="10240" width="9" style="2"/>
    <col min="10241" max="10241" width="1.25" style="2" customWidth="1"/>
    <col min="10242" max="10278" width="2.58203125" style="2" customWidth="1"/>
    <col min="10279" max="10279" width="4.5" style="2" customWidth="1"/>
    <col min="10280" max="10280" width="0.33203125" style="2" customWidth="1"/>
    <col min="10281" max="10281" width="1" style="2" customWidth="1"/>
    <col min="10282" max="10305" width="2.58203125" style="2" customWidth="1"/>
    <col min="10306" max="10316" width="9" style="2" customWidth="1"/>
    <col min="10317" max="10496" width="9" style="2"/>
    <col min="10497" max="10497" width="1.25" style="2" customWidth="1"/>
    <col min="10498" max="10534" width="2.58203125" style="2" customWidth="1"/>
    <col min="10535" max="10535" width="4.5" style="2" customWidth="1"/>
    <col min="10536" max="10536" width="0.33203125" style="2" customWidth="1"/>
    <col min="10537" max="10537" width="1" style="2" customWidth="1"/>
    <col min="10538" max="10561" width="2.58203125" style="2" customWidth="1"/>
    <col min="10562" max="10572" width="9" style="2" customWidth="1"/>
    <col min="10573" max="10752" width="9" style="2"/>
    <col min="10753" max="10753" width="1.25" style="2" customWidth="1"/>
    <col min="10754" max="10790" width="2.58203125" style="2" customWidth="1"/>
    <col min="10791" max="10791" width="4.5" style="2" customWidth="1"/>
    <col min="10792" max="10792" width="0.33203125" style="2" customWidth="1"/>
    <col min="10793" max="10793" width="1" style="2" customWidth="1"/>
    <col min="10794" max="10817" width="2.58203125" style="2" customWidth="1"/>
    <col min="10818" max="10828" width="9" style="2" customWidth="1"/>
    <col min="10829" max="11008" width="9" style="2"/>
    <col min="11009" max="11009" width="1.25" style="2" customWidth="1"/>
    <col min="11010" max="11046" width="2.58203125" style="2" customWidth="1"/>
    <col min="11047" max="11047" width="4.5" style="2" customWidth="1"/>
    <col min="11048" max="11048" width="0.33203125" style="2" customWidth="1"/>
    <col min="11049" max="11049" width="1" style="2" customWidth="1"/>
    <col min="11050" max="11073" width="2.58203125" style="2" customWidth="1"/>
    <col min="11074" max="11084" width="9" style="2" customWidth="1"/>
    <col min="11085" max="11264" width="9" style="2"/>
    <col min="11265" max="11265" width="1.25" style="2" customWidth="1"/>
    <col min="11266" max="11302" width="2.58203125" style="2" customWidth="1"/>
    <col min="11303" max="11303" width="4.5" style="2" customWidth="1"/>
    <col min="11304" max="11304" width="0.33203125" style="2" customWidth="1"/>
    <col min="11305" max="11305" width="1" style="2" customWidth="1"/>
    <col min="11306" max="11329" width="2.58203125" style="2" customWidth="1"/>
    <col min="11330" max="11340" width="9" style="2" customWidth="1"/>
    <col min="11341" max="11520" width="9" style="2"/>
    <col min="11521" max="11521" width="1.25" style="2" customWidth="1"/>
    <col min="11522" max="11558" width="2.58203125" style="2" customWidth="1"/>
    <col min="11559" max="11559" width="4.5" style="2" customWidth="1"/>
    <col min="11560" max="11560" width="0.33203125" style="2" customWidth="1"/>
    <col min="11561" max="11561" width="1" style="2" customWidth="1"/>
    <col min="11562" max="11585" width="2.58203125" style="2" customWidth="1"/>
    <col min="11586" max="11596" width="9" style="2" customWidth="1"/>
    <col min="11597" max="11776" width="9" style="2"/>
    <col min="11777" max="11777" width="1.25" style="2" customWidth="1"/>
    <col min="11778" max="11814" width="2.58203125" style="2" customWidth="1"/>
    <col min="11815" max="11815" width="4.5" style="2" customWidth="1"/>
    <col min="11816" max="11816" width="0.33203125" style="2" customWidth="1"/>
    <col min="11817" max="11817" width="1" style="2" customWidth="1"/>
    <col min="11818" max="11841" width="2.58203125" style="2" customWidth="1"/>
    <col min="11842" max="11852" width="9" style="2" customWidth="1"/>
    <col min="11853" max="12032" width="9" style="2"/>
    <col min="12033" max="12033" width="1.25" style="2" customWidth="1"/>
    <col min="12034" max="12070" width="2.58203125" style="2" customWidth="1"/>
    <col min="12071" max="12071" width="4.5" style="2" customWidth="1"/>
    <col min="12072" max="12072" width="0.33203125" style="2" customWidth="1"/>
    <col min="12073" max="12073" width="1" style="2" customWidth="1"/>
    <col min="12074" max="12097" width="2.58203125" style="2" customWidth="1"/>
    <col min="12098" max="12108" width="9" style="2" customWidth="1"/>
    <col min="12109" max="12288" width="9" style="2"/>
    <col min="12289" max="12289" width="1.25" style="2" customWidth="1"/>
    <col min="12290" max="12326" width="2.58203125" style="2" customWidth="1"/>
    <col min="12327" max="12327" width="4.5" style="2" customWidth="1"/>
    <col min="12328" max="12328" width="0.33203125" style="2" customWidth="1"/>
    <col min="12329" max="12329" width="1" style="2" customWidth="1"/>
    <col min="12330" max="12353" width="2.58203125" style="2" customWidth="1"/>
    <col min="12354" max="12364" width="9" style="2" customWidth="1"/>
    <col min="12365" max="12544" width="9" style="2"/>
    <col min="12545" max="12545" width="1.25" style="2" customWidth="1"/>
    <col min="12546" max="12582" width="2.58203125" style="2" customWidth="1"/>
    <col min="12583" max="12583" width="4.5" style="2" customWidth="1"/>
    <col min="12584" max="12584" width="0.33203125" style="2" customWidth="1"/>
    <col min="12585" max="12585" width="1" style="2" customWidth="1"/>
    <col min="12586" max="12609" width="2.58203125" style="2" customWidth="1"/>
    <col min="12610" max="12620" width="9" style="2" customWidth="1"/>
    <col min="12621" max="12800" width="9" style="2"/>
    <col min="12801" max="12801" width="1.25" style="2" customWidth="1"/>
    <col min="12802" max="12838" width="2.58203125" style="2" customWidth="1"/>
    <col min="12839" max="12839" width="4.5" style="2" customWidth="1"/>
    <col min="12840" max="12840" width="0.33203125" style="2" customWidth="1"/>
    <col min="12841" max="12841" width="1" style="2" customWidth="1"/>
    <col min="12842" max="12865" width="2.58203125" style="2" customWidth="1"/>
    <col min="12866" max="12876" width="9" style="2" customWidth="1"/>
    <col min="12877" max="13056" width="9" style="2"/>
    <col min="13057" max="13057" width="1.25" style="2" customWidth="1"/>
    <col min="13058" max="13094" width="2.58203125" style="2" customWidth="1"/>
    <col min="13095" max="13095" width="4.5" style="2" customWidth="1"/>
    <col min="13096" max="13096" width="0.33203125" style="2" customWidth="1"/>
    <col min="13097" max="13097" width="1" style="2" customWidth="1"/>
    <col min="13098" max="13121" width="2.58203125" style="2" customWidth="1"/>
    <col min="13122" max="13132" width="9" style="2" customWidth="1"/>
    <col min="13133" max="13312" width="9" style="2"/>
    <col min="13313" max="13313" width="1.25" style="2" customWidth="1"/>
    <col min="13314" max="13350" width="2.58203125" style="2" customWidth="1"/>
    <col min="13351" max="13351" width="4.5" style="2" customWidth="1"/>
    <col min="13352" max="13352" width="0.33203125" style="2" customWidth="1"/>
    <col min="13353" max="13353" width="1" style="2" customWidth="1"/>
    <col min="13354" max="13377" width="2.58203125" style="2" customWidth="1"/>
    <col min="13378" max="13388" width="9" style="2" customWidth="1"/>
    <col min="13389" max="13568" width="9" style="2"/>
    <col min="13569" max="13569" width="1.25" style="2" customWidth="1"/>
    <col min="13570" max="13606" width="2.58203125" style="2" customWidth="1"/>
    <col min="13607" max="13607" width="4.5" style="2" customWidth="1"/>
    <col min="13608" max="13608" width="0.33203125" style="2" customWidth="1"/>
    <col min="13609" max="13609" width="1" style="2" customWidth="1"/>
    <col min="13610" max="13633" width="2.58203125" style="2" customWidth="1"/>
    <col min="13634" max="13644" width="9" style="2" customWidth="1"/>
    <col min="13645" max="13824" width="9" style="2"/>
    <col min="13825" max="13825" width="1.25" style="2" customWidth="1"/>
    <col min="13826" max="13862" width="2.58203125" style="2" customWidth="1"/>
    <col min="13863" max="13863" width="4.5" style="2" customWidth="1"/>
    <col min="13864" max="13864" width="0.33203125" style="2" customWidth="1"/>
    <col min="13865" max="13865" width="1" style="2" customWidth="1"/>
    <col min="13866" max="13889" width="2.58203125" style="2" customWidth="1"/>
    <col min="13890" max="13900" width="9" style="2" customWidth="1"/>
    <col min="13901" max="14080" width="9" style="2"/>
    <col min="14081" max="14081" width="1.25" style="2" customWidth="1"/>
    <col min="14082" max="14118" width="2.58203125" style="2" customWidth="1"/>
    <col min="14119" max="14119" width="4.5" style="2" customWidth="1"/>
    <col min="14120" max="14120" width="0.33203125" style="2" customWidth="1"/>
    <col min="14121" max="14121" width="1" style="2" customWidth="1"/>
    <col min="14122" max="14145" width="2.58203125" style="2" customWidth="1"/>
    <col min="14146" max="14156" width="9" style="2" customWidth="1"/>
    <col min="14157" max="14336" width="9" style="2"/>
    <col min="14337" max="14337" width="1.25" style="2" customWidth="1"/>
    <col min="14338" max="14374" width="2.58203125" style="2" customWidth="1"/>
    <col min="14375" max="14375" width="4.5" style="2" customWidth="1"/>
    <col min="14376" max="14376" width="0.33203125" style="2" customWidth="1"/>
    <col min="14377" max="14377" width="1" style="2" customWidth="1"/>
    <col min="14378" max="14401" width="2.58203125" style="2" customWidth="1"/>
    <col min="14402" max="14412" width="9" style="2" customWidth="1"/>
    <col min="14413" max="14592" width="9" style="2"/>
    <col min="14593" max="14593" width="1.25" style="2" customWidth="1"/>
    <col min="14594" max="14630" width="2.58203125" style="2" customWidth="1"/>
    <col min="14631" max="14631" width="4.5" style="2" customWidth="1"/>
    <col min="14632" max="14632" width="0.33203125" style="2" customWidth="1"/>
    <col min="14633" max="14633" width="1" style="2" customWidth="1"/>
    <col min="14634" max="14657" width="2.58203125" style="2" customWidth="1"/>
    <col min="14658" max="14668" width="9" style="2" customWidth="1"/>
    <col min="14669" max="14848" width="9" style="2"/>
    <col min="14849" max="14849" width="1.25" style="2" customWidth="1"/>
    <col min="14850" max="14886" width="2.58203125" style="2" customWidth="1"/>
    <col min="14887" max="14887" width="4.5" style="2" customWidth="1"/>
    <col min="14888" max="14888" width="0.33203125" style="2" customWidth="1"/>
    <col min="14889" max="14889" width="1" style="2" customWidth="1"/>
    <col min="14890" max="14913" width="2.58203125" style="2" customWidth="1"/>
    <col min="14914" max="14924" width="9" style="2" customWidth="1"/>
    <col min="14925" max="15104" width="9" style="2"/>
    <col min="15105" max="15105" width="1.25" style="2" customWidth="1"/>
    <col min="15106" max="15142" width="2.58203125" style="2" customWidth="1"/>
    <col min="15143" max="15143" width="4.5" style="2" customWidth="1"/>
    <col min="15144" max="15144" width="0.33203125" style="2" customWidth="1"/>
    <col min="15145" max="15145" width="1" style="2" customWidth="1"/>
    <col min="15146" max="15169" width="2.58203125" style="2" customWidth="1"/>
    <col min="15170" max="15180" width="9" style="2" customWidth="1"/>
    <col min="15181" max="15360" width="9" style="2"/>
    <col min="15361" max="15361" width="1.25" style="2" customWidth="1"/>
    <col min="15362" max="15398" width="2.58203125" style="2" customWidth="1"/>
    <col min="15399" max="15399" width="4.5" style="2" customWidth="1"/>
    <col min="15400" max="15400" width="0.33203125" style="2" customWidth="1"/>
    <col min="15401" max="15401" width="1" style="2" customWidth="1"/>
    <col min="15402" max="15425" width="2.58203125" style="2" customWidth="1"/>
    <col min="15426" max="15436" width="9" style="2" customWidth="1"/>
    <col min="15437" max="15616" width="9" style="2"/>
    <col min="15617" max="15617" width="1.25" style="2" customWidth="1"/>
    <col min="15618" max="15654" width="2.58203125" style="2" customWidth="1"/>
    <col min="15655" max="15655" width="4.5" style="2" customWidth="1"/>
    <col min="15656" max="15656" width="0.33203125" style="2" customWidth="1"/>
    <col min="15657" max="15657" width="1" style="2" customWidth="1"/>
    <col min="15658" max="15681" width="2.58203125" style="2" customWidth="1"/>
    <col min="15682" max="15692" width="9" style="2" customWidth="1"/>
    <col min="15693" max="15872" width="9" style="2"/>
    <col min="15873" max="15873" width="1.25" style="2" customWidth="1"/>
    <col min="15874" max="15910" width="2.58203125" style="2" customWidth="1"/>
    <col min="15911" max="15911" width="4.5" style="2" customWidth="1"/>
    <col min="15912" max="15912" width="0.33203125" style="2" customWidth="1"/>
    <col min="15913" max="15913" width="1" style="2" customWidth="1"/>
    <col min="15914" max="15937" width="2.58203125" style="2" customWidth="1"/>
    <col min="15938" max="15948" width="9" style="2" customWidth="1"/>
    <col min="15949" max="16128" width="9" style="2"/>
    <col min="16129" max="16129" width="1.25" style="2" customWidth="1"/>
    <col min="16130" max="16166" width="2.58203125" style="2" customWidth="1"/>
    <col min="16167" max="16167" width="4.5" style="2" customWidth="1"/>
    <col min="16168" max="16168" width="0.33203125" style="2" customWidth="1"/>
    <col min="16169" max="16169" width="1" style="2" customWidth="1"/>
    <col min="16170" max="16193" width="2.58203125" style="2" customWidth="1"/>
    <col min="16194" max="16204" width="9" style="2" customWidth="1"/>
    <col min="16205" max="16384" width="9" style="2"/>
  </cols>
  <sheetData>
    <row r="1" spans="1:53" s="1" customFormat="1" ht="13.5" customHeight="1" x14ac:dyDescent="0.55000000000000004">
      <c r="A1" s="8"/>
      <c r="B1" s="8"/>
      <c r="C1" s="8"/>
      <c r="D1" s="8"/>
      <c r="E1" s="8"/>
      <c r="F1" s="8"/>
      <c r="G1" s="8"/>
      <c r="H1" s="8"/>
      <c r="I1" s="8"/>
      <c r="J1" s="8"/>
      <c r="K1" s="8"/>
      <c r="L1" s="8"/>
      <c r="M1" s="8"/>
      <c r="N1" s="8"/>
      <c r="O1" s="8"/>
      <c r="P1" s="8"/>
      <c r="Q1" s="8"/>
      <c r="R1" s="8"/>
      <c r="S1" s="8"/>
      <c r="T1" s="8"/>
      <c r="U1" s="8"/>
      <c r="V1" s="73"/>
      <c r="W1" s="73"/>
      <c r="X1" s="73" t="s">
        <v>0</v>
      </c>
      <c r="Y1" s="73"/>
      <c r="Z1" s="327">
        <v>2026</v>
      </c>
      <c r="AA1" s="328"/>
      <c r="AB1" s="328"/>
      <c r="AC1" s="328"/>
      <c r="AD1" s="328"/>
      <c r="AE1" s="73" t="s">
        <v>1</v>
      </c>
      <c r="AF1" s="327">
        <v>6</v>
      </c>
      <c r="AG1" s="328"/>
      <c r="AH1" s="328"/>
      <c r="AI1" s="73" t="s">
        <v>2</v>
      </c>
      <c r="AJ1" s="329">
        <v>1</v>
      </c>
      <c r="AK1" s="328"/>
      <c r="AL1" s="328"/>
      <c r="AM1" s="73" t="s">
        <v>3</v>
      </c>
      <c r="AN1" s="8"/>
      <c r="AO1" s="8"/>
      <c r="AP1" s="75" t="s">
        <v>63</v>
      </c>
    </row>
    <row r="2" spans="1:53" s="1" customFormat="1" ht="2.25" customHeight="1" x14ac:dyDescent="0.55000000000000004">
      <c r="A2" s="8"/>
      <c r="B2" s="8"/>
      <c r="C2" s="8"/>
      <c r="D2" s="8"/>
      <c r="E2" s="8"/>
      <c r="F2" s="8"/>
      <c r="G2" s="8"/>
      <c r="H2" s="8"/>
      <c r="I2" s="8"/>
      <c r="J2" s="8"/>
      <c r="K2" s="8"/>
      <c r="L2" s="8"/>
      <c r="M2" s="8"/>
      <c r="N2" s="8"/>
      <c r="O2" s="8"/>
      <c r="P2" s="8"/>
      <c r="Q2" s="8"/>
      <c r="R2" s="8"/>
      <c r="S2" s="8"/>
      <c r="T2" s="8"/>
      <c r="U2" s="8"/>
      <c r="V2" s="8"/>
      <c r="W2" s="8"/>
      <c r="X2" s="8"/>
      <c r="Y2" s="8"/>
      <c r="Z2" s="8"/>
      <c r="AA2" s="8"/>
      <c r="AB2" s="9"/>
      <c r="AC2" s="8"/>
      <c r="AD2" s="8"/>
      <c r="AE2" s="8"/>
      <c r="AF2" s="8"/>
      <c r="AG2" s="9"/>
      <c r="AH2" s="8"/>
      <c r="AI2" s="8"/>
      <c r="AJ2" s="8"/>
      <c r="AK2" s="9"/>
      <c r="AL2" s="9"/>
      <c r="AM2" s="8"/>
      <c r="AN2" s="8"/>
      <c r="AO2" s="8"/>
      <c r="AP2" s="75"/>
    </row>
    <row r="3" spans="1:53" ht="20.149999999999999" customHeight="1" x14ac:dyDescent="0.55000000000000004">
      <c r="A3" s="10"/>
      <c r="B3" s="11" t="s">
        <v>4</v>
      </c>
      <c r="C3" s="10"/>
      <c r="D3" s="10"/>
      <c r="E3" s="10"/>
      <c r="F3" s="10"/>
      <c r="G3" s="10"/>
      <c r="H3" s="10"/>
      <c r="I3" s="10"/>
      <c r="J3" s="10"/>
      <c r="K3" s="10"/>
      <c r="L3" s="10"/>
      <c r="M3" s="10"/>
      <c r="N3" s="10"/>
      <c r="O3" s="10"/>
      <c r="P3" s="330" t="s">
        <v>40</v>
      </c>
      <c r="Q3" s="331"/>
      <c r="R3" s="67"/>
      <c r="S3" s="67"/>
      <c r="T3" s="67"/>
      <c r="U3" s="336" t="s">
        <v>64</v>
      </c>
      <c r="V3" s="337"/>
      <c r="W3" s="337"/>
      <c r="X3" s="337"/>
      <c r="Y3" s="337"/>
      <c r="Z3" s="337"/>
      <c r="AA3" s="337"/>
      <c r="AB3" s="337"/>
      <c r="AC3" s="337"/>
      <c r="AD3" s="337"/>
      <c r="AE3" s="337"/>
      <c r="AF3" s="337"/>
      <c r="AG3" s="337"/>
      <c r="AH3" s="337"/>
      <c r="AI3" s="337"/>
      <c r="AJ3" s="337"/>
      <c r="AK3" s="337"/>
      <c r="AL3" s="337"/>
      <c r="AM3" s="338"/>
      <c r="AN3" s="10"/>
      <c r="AO3" s="10"/>
    </row>
    <row r="4" spans="1:53" ht="15" customHeight="1" x14ac:dyDescent="0.55000000000000004">
      <c r="A4" s="10"/>
      <c r="B4" s="10"/>
      <c r="C4" s="10"/>
      <c r="D4" s="10"/>
      <c r="E4" s="10"/>
      <c r="F4" s="10"/>
      <c r="G4" s="10"/>
      <c r="H4" s="10"/>
      <c r="I4" s="10"/>
      <c r="J4" s="10"/>
      <c r="K4" s="10"/>
      <c r="L4" s="10"/>
      <c r="M4" s="10"/>
      <c r="N4" s="10"/>
      <c r="O4" s="10"/>
      <c r="P4" s="332"/>
      <c r="Q4" s="333"/>
      <c r="R4" s="10"/>
      <c r="S4" s="16" t="s">
        <v>47</v>
      </c>
      <c r="T4" s="68"/>
      <c r="U4" s="339" t="s">
        <v>65</v>
      </c>
      <c r="V4" s="340"/>
      <c r="W4" s="340"/>
      <c r="X4" s="340"/>
      <c r="Y4" s="340"/>
      <c r="Z4" s="340"/>
      <c r="AA4" s="340"/>
      <c r="AB4" s="340"/>
      <c r="AC4" s="340"/>
      <c r="AD4" s="340"/>
      <c r="AE4" s="340"/>
      <c r="AF4" s="340"/>
      <c r="AG4" s="340"/>
      <c r="AH4" s="340"/>
      <c r="AI4" s="340"/>
      <c r="AJ4" s="340"/>
      <c r="AK4" s="340"/>
      <c r="AL4" s="340"/>
      <c r="AM4" s="341"/>
      <c r="AN4" s="10"/>
      <c r="AO4" s="10"/>
    </row>
    <row r="5" spans="1:53" ht="20.149999999999999" customHeight="1" x14ac:dyDescent="0.55000000000000004">
      <c r="A5" s="10"/>
      <c r="B5" s="12"/>
      <c r="C5" s="13"/>
      <c r="D5" s="13"/>
      <c r="E5" s="13"/>
      <c r="F5" s="13"/>
      <c r="G5" s="13"/>
      <c r="H5" s="13"/>
      <c r="I5" s="13"/>
      <c r="J5" s="13"/>
      <c r="K5" s="13"/>
      <c r="L5" s="13"/>
      <c r="M5" s="13"/>
      <c r="N5" s="10"/>
      <c r="O5" s="13"/>
      <c r="P5" s="332"/>
      <c r="Q5" s="333"/>
      <c r="R5" s="10"/>
      <c r="S5" s="10"/>
      <c r="T5" s="10"/>
      <c r="U5" s="342" t="s">
        <v>66</v>
      </c>
      <c r="V5" s="343"/>
      <c r="W5" s="343"/>
      <c r="X5" s="343"/>
      <c r="Y5" s="343"/>
      <c r="Z5" s="343"/>
      <c r="AA5" s="343"/>
      <c r="AB5" s="343"/>
      <c r="AC5" s="343"/>
      <c r="AD5" s="343"/>
      <c r="AE5" s="343"/>
      <c r="AF5" s="343"/>
      <c r="AG5" s="343"/>
      <c r="AH5" s="343"/>
      <c r="AI5" s="343"/>
      <c r="AJ5" s="343"/>
      <c r="AK5" s="343"/>
      <c r="AL5" s="343"/>
      <c r="AM5" s="344"/>
      <c r="AN5" s="10"/>
      <c r="AO5" s="10"/>
      <c r="AP5" s="75" t="s">
        <v>67</v>
      </c>
    </row>
    <row r="6" spans="1:53" ht="20.149999999999999" customHeight="1" x14ac:dyDescent="0.55000000000000004">
      <c r="A6" s="10"/>
      <c r="B6" s="12"/>
      <c r="C6" s="13"/>
      <c r="D6" s="13"/>
      <c r="E6" s="13"/>
      <c r="F6" s="13"/>
      <c r="G6" s="13"/>
      <c r="H6" s="13"/>
      <c r="I6" s="13"/>
      <c r="J6" s="13"/>
      <c r="K6" s="13"/>
      <c r="L6" s="13"/>
      <c r="M6" s="13"/>
      <c r="N6" s="10"/>
      <c r="O6" s="13"/>
      <c r="P6" s="332"/>
      <c r="Q6" s="333"/>
      <c r="R6" s="10"/>
      <c r="S6" s="10"/>
      <c r="T6" s="10"/>
      <c r="U6" s="74"/>
      <c r="V6"/>
      <c r="W6"/>
      <c r="X6" s="343" t="s">
        <v>68</v>
      </c>
      <c r="Y6" s="345"/>
      <c r="Z6" s="345"/>
      <c r="AA6" s="345"/>
      <c r="AB6" s="345"/>
      <c r="AC6" s="345"/>
      <c r="AD6" s="345"/>
      <c r="AE6" s="345"/>
      <c r="AF6" s="345"/>
      <c r="AG6" s="345"/>
      <c r="AH6" s="345"/>
      <c r="AI6" s="345"/>
      <c r="AJ6" s="345"/>
      <c r="AK6" s="345"/>
      <c r="AL6" s="345"/>
      <c r="AM6" s="346"/>
      <c r="AN6" s="10"/>
      <c r="AO6" s="10"/>
    </row>
    <row r="7" spans="1:53" ht="20.149999999999999" customHeight="1" x14ac:dyDescent="0.55000000000000004">
      <c r="A7" s="10"/>
      <c r="B7" s="12"/>
      <c r="C7" s="13"/>
      <c r="D7" s="13"/>
      <c r="E7" s="13"/>
      <c r="F7" s="13"/>
      <c r="G7" s="13"/>
      <c r="H7" s="13"/>
      <c r="I7" s="13"/>
      <c r="J7" s="13"/>
      <c r="K7" s="13"/>
      <c r="L7" s="13"/>
      <c r="M7" s="13"/>
      <c r="N7" s="10"/>
      <c r="O7" s="13"/>
      <c r="P7" s="332"/>
      <c r="Q7" s="333"/>
      <c r="R7" s="65"/>
      <c r="S7"/>
      <c r="T7"/>
      <c r="U7"/>
      <c r="V7"/>
      <c r="W7"/>
      <c r="X7" s="347" t="s">
        <v>47</v>
      </c>
      <c r="Y7" s="347"/>
      <c r="Z7" s="347"/>
      <c r="AA7" s="347"/>
      <c r="AB7" s="347"/>
      <c r="AC7" s="347"/>
      <c r="AD7" s="347"/>
      <c r="AE7" s="347"/>
      <c r="AF7" s="347"/>
      <c r="AG7" s="347"/>
      <c r="AH7" s="347"/>
      <c r="AI7" s="347"/>
      <c r="AJ7" s="347"/>
      <c r="AK7" s="347"/>
      <c r="AL7" s="347"/>
      <c r="AM7" s="348"/>
      <c r="AN7" s="10"/>
      <c r="AO7" s="10"/>
    </row>
    <row r="8" spans="1:53" ht="18.75" customHeight="1" x14ac:dyDescent="0.55000000000000004">
      <c r="A8" s="10"/>
      <c r="B8" s="12" t="s">
        <v>172</v>
      </c>
      <c r="D8" s="13"/>
      <c r="E8" s="13"/>
      <c r="F8" s="13"/>
      <c r="G8" s="13"/>
      <c r="H8" s="13"/>
      <c r="I8" s="13"/>
      <c r="J8" s="13"/>
      <c r="K8" s="13"/>
      <c r="L8" s="13"/>
      <c r="M8" s="13"/>
      <c r="N8" s="13"/>
      <c r="O8" s="13"/>
      <c r="P8" s="334"/>
      <c r="Q8" s="335"/>
      <c r="R8" s="15" t="s">
        <v>69</v>
      </c>
      <c r="S8" s="14"/>
      <c r="T8" s="349" t="s">
        <v>70</v>
      </c>
      <c r="U8" s="350"/>
      <c r="V8" s="350"/>
      <c r="W8" s="350"/>
      <c r="X8" s="350"/>
      <c r="Y8" s="350"/>
      <c r="Z8" s="350"/>
      <c r="AA8" s="350"/>
      <c r="AB8" s="350"/>
      <c r="AC8" s="15" t="s">
        <v>46</v>
      </c>
      <c r="AD8" s="15"/>
      <c r="AE8" s="349" t="s">
        <v>71</v>
      </c>
      <c r="AF8" s="350"/>
      <c r="AG8" s="350"/>
      <c r="AH8" s="350"/>
      <c r="AI8" s="350"/>
      <c r="AJ8" s="350"/>
      <c r="AK8" s="350"/>
      <c r="AL8" s="350"/>
      <c r="AM8" s="351"/>
      <c r="AN8" s="10"/>
      <c r="AO8" s="10"/>
    </row>
    <row r="9" spans="1:53" ht="22.5" hidden="1" customHeight="1" x14ac:dyDescent="0.55000000000000004">
      <c r="A9" s="10"/>
      <c r="B9" s="10"/>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74"/>
      <c r="AH9" s="74"/>
      <c r="AI9" s="74"/>
      <c r="AJ9" s="74"/>
      <c r="AK9" s="74"/>
      <c r="AL9" s="74"/>
      <c r="AM9" s="74"/>
      <c r="AN9" s="10"/>
      <c r="AO9" s="10"/>
    </row>
    <row r="10" spans="1:53" ht="23.25" customHeight="1" x14ac:dyDescent="0.55000000000000004">
      <c r="A10" s="10"/>
      <c r="B10" s="10"/>
      <c r="C10" s="10"/>
      <c r="D10" s="10"/>
      <c r="E10" s="10"/>
      <c r="F10" s="10"/>
      <c r="G10" s="10"/>
      <c r="H10" s="10"/>
      <c r="I10" s="10"/>
      <c r="J10" s="10"/>
      <c r="K10" s="10"/>
      <c r="L10" s="10"/>
      <c r="M10" s="10"/>
      <c r="N10" s="10"/>
      <c r="O10" s="10"/>
      <c r="P10" s="10"/>
      <c r="Q10" s="10"/>
      <c r="R10" s="10"/>
      <c r="S10" s="10"/>
      <c r="T10" s="10"/>
      <c r="U10" s="10"/>
      <c r="V10" s="10"/>
      <c r="W10" s="10"/>
      <c r="X10" s="10"/>
      <c r="Y10" s="10"/>
      <c r="Z10" s="10"/>
      <c r="AA10" s="10"/>
      <c r="AB10" s="10"/>
      <c r="AC10" s="10"/>
      <c r="AD10" s="10"/>
      <c r="AE10" s="10"/>
      <c r="AF10" s="10"/>
      <c r="AG10" s="10"/>
      <c r="AH10" s="10"/>
      <c r="AI10" s="10"/>
      <c r="AJ10" s="10"/>
      <c r="AK10" s="10"/>
      <c r="AL10" s="10"/>
      <c r="AM10" s="10"/>
      <c r="AN10" s="10"/>
      <c r="AO10" s="10"/>
      <c r="AP10" s="75" t="s">
        <v>72</v>
      </c>
      <c r="AR10" s="3"/>
      <c r="AV10" s="4"/>
    </row>
    <row r="11" spans="1:53" ht="0.75" customHeight="1" thickBot="1" x14ac:dyDescent="0.6">
      <c r="A11" s="10"/>
      <c r="B11" s="10"/>
      <c r="C11" s="10"/>
      <c r="D11" s="10"/>
      <c r="E11" s="10"/>
      <c r="F11" s="10"/>
      <c r="G11" s="10"/>
      <c r="H11" s="10"/>
      <c r="I11" s="10"/>
      <c r="J11" s="10"/>
      <c r="K11" s="10"/>
      <c r="L11" s="10"/>
      <c r="M11" s="10"/>
      <c r="N11" s="10"/>
      <c r="O11" s="10"/>
      <c r="P11" s="10"/>
      <c r="Q11" s="10"/>
      <c r="R11" s="10"/>
      <c r="S11" s="10"/>
      <c r="T11" s="10"/>
      <c r="U11" s="10"/>
      <c r="V11" s="10"/>
      <c r="W11" s="10"/>
      <c r="X11" s="10"/>
      <c r="Y11" s="10"/>
      <c r="Z11" s="10"/>
      <c r="AA11" s="10"/>
      <c r="AB11" s="10"/>
      <c r="AC11" s="10"/>
      <c r="AD11" s="10"/>
      <c r="AE11" s="10"/>
      <c r="AF11" s="10"/>
      <c r="AG11" s="10"/>
      <c r="AH11" s="10"/>
      <c r="AI11" s="10"/>
      <c r="AJ11" s="10"/>
      <c r="AK11" s="10"/>
      <c r="AL11" s="10"/>
      <c r="AM11" s="10"/>
      <c r="AN11" s="10"/>
      <c r="AO11" s="10"/>
    </row>
    <row r="12" spans="1:53" s="5" customFormat="1" ht="20.149999999999999" customHeight="1" thickBot="1" x14ac:dyDescent="0.6">
      <c r="A12" s="16"/>
      <c r="B12" s="319" t="s">
        <v>41</v>
      </c>
      <c r="C12" s="143"/>
      <c r="D12" s="143"/>
      <c r="E12" s="320"/>
      <c r="F12" s="321"/>
      <c r="G12" s="322">
        <v>2026</v>
      </c>
      <c r="H12" s="323"/>
      <c r="I12" s="323"/>
      <c r="J12" s="17" t="s">
        <v>1</v>
      </c>
      <c r="K12" s="324">
        <v>1</v>
      </c>
      <c r="L12" s="323"/>
      <c r="M12" s="17" t="s">
        <v>2</v>
      </c>
      <c r="N12" s="324">
        <v>2</v>
      </c>
      <c r="O12" s="323"/>
      <c r="P12" s="17" t="s">
        <v>3</v>
      </c>
      <c r="Q12" s="17"/>
      <c r="R12" s="17"/>
      <c r="S12" s="17"/>
      <c r="T12" s="17"/>
      <c r="U12" s="325" t="s">
        <v>184</v>
      </c>
      <c r="V12" s="326"/>
      <c r="W12" s="326"/>
      <c r="X12" s="326"/>
      <c r="Y12" s="326"/>
      <c r="Z12" s="326"/>
      <c r="AA12" s="326"/>
      <c r="AB12" s="316" t="s">
        <v>177</v>
      </c>
      <c r="AC12" s="317"/>
      <c r="AD12" s="317"/>
      <c r="AE12" s="317"/>
      <c r="AF12" s="317"/>
      <c r="AG12" s="317"/>
      <c r="AH12" s="317"/>
      <c r="AI12" s="317"/>
      <c r="AJ12" s="317"/>
      <c r="AK12" s="317"/>
      <c r="AL12" s="317"/>
      <c r="AM12" s="318"/>
      <c r="AN12" s="16"/>
      <c r="AO12" s="16"/>
      <c r="AP12" s="75" t="s">
        <v>185</v>
      </c>
    </row>
    <row r="13" spans="1:53" s="5" customFormat="1" ht="20.149999999999999" customHeight="1" outlineLevel="1" thickBot="1" x14ac:dyDescent="0.6">
      <c r="A13" s="16"/>
      <c r="B13" s="139" t="s">
        <v>42</v>
      </c>
      <c r="C13" s="140"/>
      <c r="D13" s="140"/>
      <c r="E13" s="140"/>
      <c r="F13" s="141"/>
      <c r="G13" s="142"/>
      <c r="H13" s="143"/>
      <c r="I13" s="143"/>
      <c r="J13" s="143"/>
      <c r="K13" s="144"/>
      <c r="L13" s="142"/>
      <c r="M13" s="143"/>
      <c r="N13" s="143"/>
      <c r="O13" s="143"/>
      <c r="P13" s="143"/>
      <c r="Q13" s="143"/>
      <c r="R13" s="144"/>
      <c r="S13" s="142"/>
      <c r="T13" s="143"/>
      <c r="U13" s="143"/>
      <c r="V13" s="143"/>
      <c r="W13" s="143"/>
      <c r="X13" s="143"/>
      <c r="Y13" s="144"/>
      <c r="Z13" s="142"/>
      <c r="AA13" s="143"/>
      <c r="AB13" s="143"/>
      <c r="AC13" s="143"/>
      <c r="AD13" s="143"/>
      <c r="AE13" s="143"/>
      <c r="AF13" s="144"/>
      <c r="AG13" s="142"/>
      <c r="AH13" s="143"/>
      <c r="AI13" s="143"/>
      <c r="AJ13" s="143"/>
      <c r="AK13" s="143"/>
      <c r="AL13" s="143"/>
      <c r="AM13" s="155"/>
      <c r="AN13" s="16"/>
      <c r="AO13" s="16"/>
      <c r="AP13" s="75" t="s">
        <v>73</v>
      </c>
    </row>
    <row r="14" spans="1:53" s="5" customFormat="1" ht="11.25" customHeight="1" thickBot="1" x14ac:dyDescent="0.6">
      <c r="A14" s="16"/>
      <c r="B14" s="16"/>
      <c r="C14" s="16"/>
      <c r="D14" s="16"/>
      <c r="E14" s="16"/>
      <c r="F14" s="16"/>
      <c r="G14" s="16"/>
      <c r="H14" s="16"/>
      <c r="I14" s="16"/>
      <c r="J14" s="16"/>
      <c r="K14" s="16"/>
      <c r="L14" s="16"/>
      <c r="M14" s="16"/>
      <c r="N14" s="16"/>
      <c r="O14" s="16"/>
      <c r="P14" s="16"/>
      <c r="Q14" s="16"/>
      <c r="R14" s="16"/>
      <c r="S14" s="16"/>
      <c r="T14" s="16"/>
      <c r="U14" s="16"/>
      <c r="V14" s="16"/>
      <c r="W14" s="16"/>
      <c r="X14" s="16"/>
      <c r="Y14" s="16"/>
      <c r="Z14" s="16"/>
      <c r="AA14" s="16"/>
      <c r="AB14" s="16"/>
      <c r="AC14" s="16"/>
      <c r="AD14" s="16"/>
      <c r="AE14" s="16"/>
      <c r="AF14" s="16"/>
      <c r="AG14" s="16"/>
      <c r="AH14" s="16"/>
      <c r="AI14" s="16"/>
      <c r="AJ14" s="16"/>
      <c r="AK14" s="16"/>
      <c r="AL14" s="16"/>
      <c r="AM14" s="16"/>
      <c r="AN14" s="16"/>
      <c r="AO14" s="16"/>
      <c r="AP14" s="75"/>
    </row>
    <row r="15" spans="1:53" s="5" customFormat="1" ht="20.149999999999999" customHeight="1" x14ac:dyDescent="0.55000000000000004">
      <c r="A15" s="16"/>
      <c r="B15" s="145" t="s">
        <v>48</v>
      </c>
      <c r="C15" s="146"/>
      <c r="D15" s="151" t="s">
        <v>5</v>
      </c>
      <c r="E15" s="152"/>
      <c r="F15" s="156" t="s">
        <v>6</v>
      </c>
      <c r="G15" s="157"/>
      <c r="H15" s="158"/>
      <c r="I15" s="352">
        <v>2025</v>
      </c>
      <c r="J15" s="353"/>
      <c r="K15" s="353"/>
      <c r="L15" s="353"/>
      <c r="M15" s="353"/>
      <c r="N15" s="353"/>
      <c r="O15" s="353"/>
      <c r="P15" s="18" t="s">
        <v>1</v>
      </c>
      <c r="Q15" s="354">
        <v>12</v>
      </c>
      <c r="R15" s="355"/>
      <c r="S15" s="18" t="s">
        <v>2</v>
      </c>
      <c r="T15" s="364">
        <v>10</v>
      </c>
      <c r="U15" s="365"/>
      <c r="V15" s="18" t="s">
        <v>3</v>
      </c>
      <c r="W15" s="18"/>
      <c r="X15" s="19"/>
      <c r="Y15" s="19"/>
      <c r="Z15" s="19"/>
      <c r="AA15" s="19"/>
      <c r="AB15" s="19"/>
      <c r="AC15" s="19"/>
      <c r="AD15" s="19"/>
      <c r="AE15" s="19"/>
      <c r="AF15" s="19"/>
      <c r="AG15" s="19"/>
      <c r="AH15" s="19"/>
      <c r="AI15" s="19"/>
      <c r="AJ15" s="19"/>
      <c r="AK15" s="19"/>
      <c r="AL15" s="19"/>
      <c r="AM15" s="20"/>
      <c r="AN15" s="16"/>
      <c r="AO15" s="16"/>
      <c r="AP15" s="75" t="s">
        <v>74</v>
      </c>
    </row>
    <row r="16" spans="1:53" s="5" customFormat="1" ht="17.25" customHeight="1" x14ac:dyDescent="0.55000000000000004">
      <c r="A16" s="16"/>
      <c r="B16" s="147"/>
      <c r="C16" s="148"/>
      <c r="D16" s="159" t="s">
        <v>7</v>
      </c>
      <c r="E16" s="160"/>
      <c r="F16" s="366" t="s">
        <v>8</v>
      </c>
      <c r="G16" s="366"/>
      <c r="H16" s="367"/>
      <c r="I16" s="21" t="s">
        <v>9</v>
      </c>
      <c r="J16" s="10"/>
      <c r="K16" s="22" t="s">
        <v>75</v>
      </c>
      <c r="L16" s="372">
        <v>100</v>
      </c>
      <c r="M16" s="373"/>
      <c r="N16" s="23" t="s">
        <v>76</v>
      </c>
      <c r="O16" s="374">
        <v>1000</v>
      </c>
      <c r="P16" s="375"/>
      <c r="Q16" s="375"/>
      <c r="R16" s="375"/>
      <c r="S16" s="375"/>
      <c r="T16" s="16"/>
      <c r="U16" s="16"/>
      <c r="V16" s="377"/>
      <c r="W16" s="377"/>
      <c r="X16" s="378"/>
      <c r="Y16" s="378"/>
      <c r="Z16" s="378"/>
      <c r="AA16" s="24"/>
      <c r="AB16" s="25"/>
      <c r="AC16" s="25"/>
      <c r="AD16" s="25"/>
      <c r="AE16" s="379"/>
      <c r="AF16" s="380"/>
      <c r="AG16" s="380"/>
      <c r="AH16" s="380"/>
      <c r="AI16" s="381"/>
      <c r="AJ16" s="380"/>
      <c r="AK16" s="380"/>
      <c r="AL16" s="380"/>
      <c r="AM16" s="382"/>
      <c r="AN16" s="16"/>
      <c r="AO16" s="16"/>
      <c r="AP16" s="75"/>
      <c r="BA16" s="6"/>
    </row>
    <row r="17" spans="1:53" s="5" customFormat="1" ht="5.25" customHeight="1" x14ac:dyDescent="0.55000000000000004">
      <c r="A17" s="16"/>
      <c r="B17" s="147"/>
      <c r="C17" s="148"/>
      <c r="D17" s="160"/>
      <c r="E17" s="160"/>
      <c r="F17" s="368"/>
      <c r="G17" s="368"/>
      <c r="H17" s="369"/>
      <c r="I17" s="10"/>
      <c r="J17" s="10"/>
      <c r="K17" s="10"/>
      <c r="L17" s="74"/>
      <c r="M17" s="74"/>
      <c r="N17" s="74"/>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26"/>
      <c r="AN17" s="16"/>
      <c r="AO17" s="16"/>
      <c r="AP17" s="75"/>
      <c r="BA17" s="6"/>
    </row>
    <row r="18" spans="1:53" s="5" customFormat="1" ht="14.25" customHeight="1" x14ac:dyDescent="0.55000000000000004">
      <c r="A18" s="16"/>
      <c r="B18" s="147"/>
      <c r="C18" s="148"/>
      <c r="D18" s="160"/>
      <c r="E18" s="160"/>
      <c r="F18" s="368"/>
      <c r="G18" s="368"/>
      <c r="H18" s="369"/>
      <c r="I18" s="27" t="s">
        <v>10</v>
      </c>
      <c r="J18" s="28"/>
      <c r="K18" s="28"/>
      <c r="L18" s="383" t="s">
        <v>77</v>
      </c>
      <c r="M18" s="339"/>
      <c r="N18" s="339"/>
      <c r="O18" s="339"/>
      <c r="P18" s="339"/>
      <c r="Q18" s="339"/>
      <c r="R18" s="339"/>
      <c r="S18" s="339"/>
      <c r="T18" s="339"/>
      <c r="U18" s="339"/>
      <c r="V18" s="339"/>
      <c r="W18" s="339"/>
      <c r="X18" s="339"/>
      <c r="Y18" s="339"/>
      <c r="Z18" s="339"/>
      <c r="AA18" s="339"/>
      <c r="AB18" s="339"/>
      <c r="AC18" s="339"/>
      <c r="AD18" s="339"/>
      <c r="AE18" s="339"/>
      <c r="AF18" s="339"/>
      <c r="AG18" s="339"/>
      <c r="AH18" s="339"/>
      <c r="AI18" s="339"/>
      <c r="AJ18" s="339"/>
      <c r="AK18" s="339"/>
      <c r="AL18" s="339"/>
      <c r="AM18" s="384"/>
      <c r="AN18" s="16"/>
      <c r="AO18" s="16"/>
      <c r="AP18" s="75" t="s">
        <v>78</v>
      </c>
      <c r="BA18" s="6"/>
    </row>
    <row r="19" spans="1:53" s="5" customFormat="1" ht="20.149999999999999" customHeight="1" x14ac:dyDescent="0.3">
      <c r="A19" s="16"/>
      <c r="B19" s="147"/>
      <c r="C19" s="148"/>
      <c r="D19" s="160"/>
      <c r="E19" s="160"/>
      <c r="F19" s="368"/>
      <c r="G19" s="368"/>
      <c r="H19" s="368"/>
      <c r="I19" s="29" t="s">
        <v>11</v>
      </c>
      <c r="J19" s="69"/>
      <c r="K19" s="385" t="s">
        <v>79</v>
      </c>
      <c r="L19" s="386"/>
      <c r="M19" s="386"/>
      <c r="N19" s="386"/>
      <c r="O19" s="386"/>
      <c r="P19" s="386"/>
      <c r="Q19" s="386"/>
      <c r="R19" s="386"/>
      <c r="S19" s="386"/>
      <c r="T19" s="386"/>
      <c r="U19" s="386"/>
      <c r="V19" s="386"/>
      <c r="W19" s="386"/>
      <c r="X19" s="386"/>
      <c r="Y19" s="16"/>
      <c r="Z19" s="30" t="s">
        <v>12</v>
      </c>
      <c r="AA19" s="70"/>
      <c r="AB19" s="70"/>
      <c r="AC19" s="349" t="s">
        <v>80</v>
      </c>
      <c r="AD19" s="350"/>
      <c r="AE19" s="350"/>
      <c r="AF19" s="350"/>
      <c r="AG19" s="350"/>
      <c r="AH19" s="350"/>
      <c r="AI19" s="350"/>
      <c r="AJ19" s="350"/>
      <c r="AK19" s="350"/>
      <c r="AL19" s="350"/>
      <c r="AM19" s="376"/>
      <c r="AN19" s="16"/>
      <c r="AO19" s="16"/>
      <c r="AP19" s="75"/>
    </row>
    <row r="20" spans="1:53" s="5" customFormat="1" ht="20.149999999999999" customHeight="1" x14ac:dyDescent="0.25">
      <c r="A20" s="16"/>
      <c r="B20" s="147"/>
      <c r="C20" s="148"/>
      <c r="D20" s="160"/>
      <c r="E20" s="160"/>
      <c r="F20" s="370"/>
      <c r="G20" s="370"/>
      <c r="H20" s="371"/>
      <c r="I20" s="31" t="s">
        <v>81</v>
      </c>
      <c r="J20" s="16"/>
      <c r="K20" s="356" t="s">
        <v>82</v>
      </c>
      <c r="L20" s="312"/>
      <c r="M20" s="312"/>
      <c r="N20" s="312"/>
      <c r="O20" s="312"/>
      <c r="P20" s="312"/>
      <c r="Q20" s="312"/>
      <c r="R20" s="31" t="s">
        <v>83</v>
      </c>
      <c r="S20" s="16"/>
      <c r="T20" s="349" t="s">
        <v>84</v>
      </c>
      <c r="U20" s="350"/>
      <c r="V20" s="350"/>
      <c r="W20" s="350"/>
      <c r="X20" s="350"/>
      <c r="Y20" s="350"/>
      <c r="Z20" s="350"/>
      <c r="AA20" s="350"/>
      <c r="AB20" s="350"/>
      <c r="AC20" s="350"/>
      <c r="AD20" s="350"/>
      <c r="AE20" s="350"/>
      <c r="AF20" s="350"/>
      <c r="AG20" s="350"/>
      <c r="AH20" s="350"/>
      <c r="AI20" s="350"/>
      <c r="AJ20" s="350"/>
      <c r="AK20" s="350"/>
      <c r="AL20" s="350"/>
      <c r="AM20" s="376"/>
      <c r="AN20" s="16"/>
      <c r="AO20" s="16"/>
      <c r="AP20" s="75"/>
    </row>
    <row r="21" spans="1:53" s="5" customFormat="1" ht="20.149999999999999" customHeight="1" x14ac:dyDescent="0.55000000000000004">
      <c r="A21" s="16"/>
      <c r="B21" s="147"/>
      <c r="C21" s="148"/>
      <c r="D21" s="160"/>
      <c r="E21" s="160"/>
      <c r="F21" s="357" t="s">
        <v>13</v>
      </c>
      <c r="G21" s="358"/>
      <c r="H21" s="359"/>
      <c r="I21" s="32" t="s">
        <v>14</v>
      </c>
      <c r="J21" s="33"/>
      <c r="K21" s="360">
        <v>30</v>
      </c>
      <c r="L21" s="361"/>
      <c r="M21" s="361"/>
      <c r="N21" s="34" t="s">
        <v>3</v>
      </c>
      <c r="O21" s="32" t="s">
        <v>15</v>
      </c>
      <c r="P21" s="71"/>
      <c r="Q21" s="35"/>
      <c r="R21" s="362" t="s">
        <v>85</v>
      </c>
      <c r="S21" s="363"/>
      <c r="T21" s="363"/>
      <c r="U21" s="363"/>
      <c r="V21" s="36" t="s">
        <v>16</v>
      </c>
      <c r="W21" s="36"/>
      <c r="X21" s="37"/>
      <c r="Y21" s="36"/>
      <c r="Z21" s="36"/>
      <c r="AA21" s="36"/>
      <c r="AB21" s="36"/>
      <c r="AC21" s="71"/>
      <c r="AD21" s="71"/>
      <c r="AE21" s="71"/>
      <c r="AF21" s="71"/>
      <c r="AG21" s="71"/>
      <c r="AH21" s="71"/>
      <c r="AI21" s="71"/>
      <c r="AJ21" s="71"/>
      <c r="AK21" s="71"/>
      <c r="AL21" s="71"/>
      <c r="AM21" s="38"/>
      <c r="AN21" s="16"/>
      <c r="AO21" s="16"/>
      <c r="AP21" s="75" t="s">
        <v>86</v>
      </c>
    </row>
    <row r="22" spans="1:53" s="5" customFormat="1" ht="20.149999999999999" customHeight="1" thickBot="1" x14ac:dyDescent="0.6">
      <c r="A22" s="16"/>
      <c r="B22" s="149"/>
      <c r="C22" s="150"/>
      <c r="D22" s="161"/>
      <c r="E22" s="161"/>
      <c r="F22" s="39" t="s">
        <v>17</v>
      </c>
      <c r="G22" s="40"/>
      <c r="H22" s="41"/>
      <c r="I22" s="42"/>
      <c r="J22" s="43" t="s">
        <v>189</v>
      </c>
      <c r="K22" s="43"/>
      <c r="L22" s="72"/>
      <c r="M22" s="72"/>
      <c r="N22" s="44"/>
      <c r="O22" s="72"/>
      <c r="P22" s="72"/>
      <c r="Q22" s="44"/>
      <c r="R22" s="72"/>
      <c r="S22" s="72"/>
      <c r="T22" s="72"/>
      <c r="U22" s="72"/>
      <c r="V22" s="45"/>
      <c r="W22" s="45"/>
      <c r="X22" s="45"/>
      <c r="Y22" s="45"/>
      <c r="Z22" s="128"/>
      <c r="AA22" s="126"/>
      <c r="AB22" s="126"/>
      <c r="AC22" s="126"/>
      <c r="AD22" s="123"/>
      <c r="AE22" s="124"/>
      <c r="AF22" s="124"/>
      <c r="AG22" s="124"/>
      <c r="AH22" s="124"/>
      <c r="AI22" s="124"/>
      <c r="AJ22" s="124"/>
      <c r="AK22" s="124"/>
      <c r="AL22" s="124"/>
      <c r="AM22" s="125"/>
      <c r="AN22" s="16"/>
      <c r="AO22" s="16"/>
      <c r="AP22" s="75"/>
    </row>
    <row r="23" spans="1:53" s="5" customFormat="1" ht="3.75" customHeight="1" thickBot="1" x14ac:dyDescent="0.6">
      <c r="A23" s="16"/>
      <c r="B23" s="16"/>
      <c r="C23" s="16"/>
      <c r="D23" s="16"/>
      <c r="E23" s="16"/>
      <c r="F23" s="16"/>
      <c r="G23" s="16"/>
      <c r="H23" s="16"/>
      <c r="I23" s="16"/>
      <c r="J23" s="16"/>
      <c r="K23" s="16"/>
      <c r="L23" s="16"/>
      <c r="M23" s="16"/>
      <c r="N23" s="16"/>
      <c r="O23" s="16"/>
      <c r="P23" s="16"/>
      <c r="Q23" s="16"/>
      <c r="R23" s="16"/>
      <c r="S23" s="16"/>
      <c r="T23" s="16"/>
      <c r="U23" s="16"/>
      <c r="V23" s="16"/>
      <c r="W23" s="16"/>
      <c r="X23" s="16"/>
      <c r="Y23" s="16"/>
      <c r="Z23" s="16"/>
      <c r="AA23" s="16"/>
      <c r="AB23" s="16"/>
      <c r="AC23" s="16"/>
      <c r="AD23" s="16"/>
      <c r="AE23" s="16"/>
      <c r="AF23" s="16"/>
      <c r="AG23" s="16"/>
      <c r="AH23" s="16"/>
      <c r="AI23" s="16"/>
      <c r="AJ23" s="16"/>
      <c r="AK23" s="16"/>
      <c r="AL23" s="16"/>
      <c r="AM23" s="16"/>
      <c r="AN23" s="16"/>
      <c r="AO23" s="16"/>
      <c r="AP23" s="75"/>
    </row>
    <row r="24" spans="1:53" s="5" customFormat="1" ht="20.149999999999999" customHeight="1" x14ac:dyDescent="0.55000000000000004">
      <c r="A24" s="16"/>
      <c r="B24" s="390" t="s">
        <v>49</v>
      </c>
      <c r="C24" s="391"/>
      <c r="D24" s="46" t="s">
        <v>18</v>
      </c>
      <c r="E24" s="47"/>
      <c r="F24" s="48" t="s">
        <v>88</v>
      </c>
      <c r="G24" s="395" t="s">
        <v>89</v>
      </c>
      <c r="H24" s="365"/>
      <c r="I24" s="365"/>
      <c r="J24" s="365"/>
      <c r="K24" s="365"/>
      <c r="L24" s="365"/>
      <c r="M24" s="365"/>
      <c r="N24" s="365"/>
      <c r="O24" s="365"/>
      <c r="P24" s="365"/>
      <c r="Q24" s="365"/>
      <c r="R24" s="365"/>
      <c r="S24" s="365"/>
      <c r="T24" s="365"/>
      <c r="U24" s="365"/>
      <c r="V24" s="365"/>
      <c r="W24" s="365"/>
      <c r="X24" s="365"/>
      <c r="Y24" s="365"/>
      <c r="Z24" s="365"/>
      <c r="AA24" s="365"/>
      <c r="AB24" s="365"/>
      <c r="AC24" s="365"/>
      <c r="AD24" s="405" t="s">
        <v>90</v>
      </c>
      <c r="AE24" s="406"/>
      <c r="AF24" s="406"/>
      <c r="AG24" s="406"/>
      <c r="AH24" s="406"/>
      <c r="AI24" s="406"/>
      <c r="AJ24" s="406"/>
      <c r="AK24" s="406"/>
      <c r="AL24" s="406"/>
      <c r="AM24" s="407"/>
      <c r="AN24" s="16"/>
      <c r="AO24" s="16"/>
      <c r="AP24" s="75" t="s">
        <v>91</v>
      </c>
    </row>
    <row r="25" spans="1:53" s="5" customFormat="1" ht="20.149999999999999" customHeight="1" x14ac:dyDescent="0.55000000000000004">
      <c r="A25" s="16"/>
      <c r="B25" s="392"/>
      <c r="C25" s="333"/>
      <c r="D25" s="49" t="s">
        <v>19</v>
      </c>
      <c r="E25" s="50"/>
      <c r="F25" s="51" t="s">
        <v>92</v>
      </c>
      <c r="G25" s="71" t="s">
        <v>93</v>
      </c>
      <c r="H25" s="71"/>
      <c r="I25" s="71"/>
      <c r="J25" s="356" t="s">
        <v>94</v>
      </c>
      <c r="K25" s="312"/>
      <c r="L25" s="312"/>
      <c r="M25" s="312"/>
      <c r="N25" s="312"/>
      <c r="O25" s="312"/>
      <c r="P25" s="312"/>
      <c r="Q25" s="312"/>
      <c r="R25" s="312"/>
      <c r="S25" s="312"/>
      <c r="T25" s="312"/>
      <c r="U25" s="312"/>
      <c r="V25" s="71" t="s">
        <v>95</v>
      </c>
      <c r="W25" s="71"/>
      <c r="X25" s="71"/>
      <c r="Y25" s="356" t="s">
        <v>96</v>
      </c>
      <c r="Z25" s="312"/>
      <c r="AA25" s="312"/>
      <c r="AB25" s="312"/>
      <c r="AC25" s="312"/>
      <c r="AD25" s="312"/>
      <c r="AE25" s="312"/>
      <c r="AF25" s="312"/>
      <c r="AG25" s="312"/>
      <c r="AH25" s="312"/>
      <c r="AI25" s="312"/>
      <c r="AJ25" s="312"/>
      <c r="AK25" s="312"/>
      <c r="AL25" s="312"/>
      <c r="AM25" s="408"/>
      <c r="AN25" s="16"/>
      <c r="AO25" s="16"/>
      <c r="AP25" s="75"/>
    </row>
    <row r="26" spans="1:53" s="5" customFormat="1" ht="20.149999999999999" customHeight="1" thickBot="1" x14ac:dyDescent="0.6">
      <c r="A26" s="16"/>
      <c r="B26" s="403"/>
      <c r="C26" s="404"/>
      <c r="D26" s="52" t="s">
        <v>20</v>
      </c>
      <c r="E26" s="53"/>
      <c r="F26" s="54" t="s">
        <v>88</v>
      </c>
      <c r="G26" s="55" t="s">
        <v>97</v>
      </c>
      <c r="H26" s="387" t="s">
        <v>98</v>
      </c>
      <c r="I26" s="388"/>
      <c r="J26" s="388"/>
      <c r="K26" s="388"/>
      <c r="L26" s="388"/>
      <c r="M26" s="388"/>
      <c r="N26" s="388"/>
      <c r="O26" s="388"/>
      <c r="P26" s="388"/>
      <c r="Q26" s="388"/>
      <c r="R26" s="388"/>
      <c r="S26" s="388"/>
      <c r="T26" s="388"/>
      <c r="U26" s="388"/>
      <c r="V26" s="388"/>
      <c r="W26" s="388"/>
      <c r="X26" s="388"/>
      <c r="Y26" s="388"/>
      <c r="Z26" s="388"/>
      <c r="AA26" s="388"/>
      <c r="AB26" s="388"/>
      <c r="AC26" s="388"/>
      <c r="AD26" s="388"/>
      <c r="AE26" s="388"/>
      <c r="AF26" s="388"/>
      <c r="AG26" s="388"/>
      <c r="AH26" s="388"/>
      <c r="AI26" s="388"/>
      <c r="AJ26" s="388"/>
      <c r="AK26" s="388"/>
      <c r="AL26" s="388"/>
      <c r="AM26" s="389"/>
      <c r="AN26" s="16"/>
      <c r="AO26" s="16"/>
      <c r="AP26" s="75"/>
    </row>
    <row r="27" spans="1:53" s="5" customFormat="1" ht="20.149999999999999" customHeight="1" x14ac:dyDescent="0.55000000000000004">
      <c r="A27" s="16"/>
      <c r="B27" s="390" t="s">
        <v>21</v>
      </c>
      <c r="C27" s="391"/>
      <c r="D27" s="46" t="s">
        <v>18</v>
      </c>
      <c r="E27" s="47"/>
      <c r="F27" s="48" t="s">
        <v>92</v>
      </c>
      <c r="G27" s="395" t="s">
        <v>99</v>
      </c>
      <c r="H27" s="365"/>
      <c r="I27" s="365"/>
      <c r="J27" s="365"/>
      <c r="K27" s="365"/>
      <c r="L27" s="365"/>
      <c r="M27" s="365"/>
      <c r="N27" s="365"/>
      <c r="O27" s="365"/>
      <c r="P27" s="365"/>
      <c r="Q27" s="365"/>
      <c r="R27" s="365"/>
      <c r="S27" s="365"/>
      <c r="T27" s="365"/>
      <c r="U27" s="365"/>
      <c r="V27" s="365"/>
      <c r="W27" s="365"/>
      <c r="X27" s="365"/>
      <c r="Y27" s="365"/>
      <c r="Z27" s="365"/>
      <c r="AA27" s="365"/>
      <c r="AB27" s="365"/>
      <c r="AC27" s="365"/>
      <c r="AD27" s="396" t="s">
        <v>57</v>
      </c>
      <c r="AE27" s="397"/>
      <c r="AF27" s="397"/>
      <c r="AG27" s="397"/>
      <c r="AH27" s="397"/>
      <c r="AI27" s="397"/>
      <c r="AJ27" s="397"/>
      <c r="AK27" s="397"/>
      <c r="AL27" s="397"/>
      <c r="AM27" s="398"/>
      <c r="AN27" s="16"/>
      <c r="AO27" s="16"/>
      <c r="AP27" s="75" t="s">
        <v>100</v>
      </c>
      <c r="AR27" s="66"/>
    </row>
    <row r="28" spans="1:53" s="5" customFormat="1" ht="20.149999999999999" customHeight="1" x14ac:dyDescent="0.55000000000000004">
      <c r="A28" s="16"/>
      <c r="B28" s="392"/>
      <c r="C28" s="333"/>
      <c r="D28" s="49" t="s">
        <v>19</v>
      </c>
      <c r="E28" s="50"/>
      <c r="F28" s="51" t="s">
        <v>87</v>
      </c>
      <c r="G28" s="71" t="s">
        <v>101</v>
      </c>
      <c r="H28" s="71"/>
      <c r="I28" s="71"/>
      <c r="J28" s="399"/>
      <c r="K28" s="315"/>
      <c r="L28" s="315"/>
      <c r="M28" s="315"/>
      <c r="N28" s="315"/>
      <c r="O28" s="315"/>
      <c r="P28" s="315"/>
      <c r="Q28" s="315"/>
      <c r="R28" s="315"/>
      <c r="S28" s="315"/>
      <c r="T28" s="315"/>
      <c r="U28" s="315"/>
      <c r="V28" s="71" t="s">
        <v>95</v>
      </c>
      <c r="W28" s="71"/>
      <c r="X28" s="71"/>
      <c r="Y28" s="399"/>
      <c r="Z28" s="315"/>
      <c r="AA28" s="315"/>
      <c r="AB28" s="315"/>
      <c r="AC28" s="315"/>
      <c r="AD28" s="315"/>
      <c r="AE28" s="315"/>
      <c r="AF28" s="315"/>
      <c r="AG28" s="315"/>
      <c r="AH28" s="315"/>
      <c r="AI28" s="315"/>
      <c r="AJ28" s="315"/>
      <c r="AK28" s="315"/>
      <c r="AL28" s="315"/>
      <c r="AM28" s="400"/>
      <c r="AN28" s="16"/>
      <c r="AO28" s="16"/>
      <c r="AP28" s="75"/>
      <c r="AY28" s="2"/>
    </row>
    <row r="29" spans="1:53" s="5" customFormat="1" ht="20.149999999999999" customHeight="1" thickBot="1" x14ac:dyDescent="0.6">
      <c r="A29" s="16"/>
      <c r="B29" s="393"/>
      <c r="C29" s="394"/>
      <c r="D29" s="52" t="s">
        <v>20</v>
      </c>
      <c r="E29" s="53"/>
      <c r="F29" s="54" t="s">
        <v>92</v>
      </c>
      <c r="G29" s="55" t="s">
        <v>97</v>
      </c>
      <c r="H29" s="401"/>
      <c r="I29" s="207"/>
      <c r="J29" s="207"/>
      <c r="K29" s="207"/>
      <c r="L29" s="207"/>
      <c r="M29" s="207"/>
      <c r="N29" s="207"/>
      <c r="O29" s="207"/>
      <c r="P29" s="207"/>
      <c r="Q29" s="207"/>
      <c r="R29" s="207"/>
      <c r="S29" s="207"/>
      <c r="T29" s="207"/>
      <c r="U29" s="207"/>
      <c r="V29" s="207"/>
      <c r="W29" s="207"/>
      <c r="X29" s="207"/>
      <c r="Y29" s="207"/>
      <c r="Z29" s="207"/>
      <c r="AA29" s="207"/>
      <c r="AB29" s="207"/>
      <c r="AC29" s="207"/>
      <c r="AD29" s="207"/>
      <c r="AE29" s="207"/>
      <c r="AF29" s="207"/>
      <c r="AG29" s="207"/>
      <c r="AH29" s="207"/>
      <c r="AI29" s="207"/>
      <c r="AJ29" s="207"/>
      <c r="AK29" s="207"/>
      <c r="AL29" s="207"/>
      <c r="AM29" s="402"/>
      <c r="AN29" s="16"/>
      <c r="AO29" s="16"/>
      <c r="AP29" s="75"/>
    </row>
    <row r="30" spans="1:53" s="5" customFormat="1" ht="20.149999999999999" customHeight="1" x14ac:dyDescent="0.55000000000000004">
      <c r="A30" s="16"/>
      <c r="B30" s="253" t="s">
        <v>50</v>
      </c>
      <c r="C30" s="254"/>
      <c r="D30" s="49" t="s">
        <v>18</v>
      </c>
      <c r="E30" s="50"/>
      <c r="F30" s="48" t="s">
        <v>92</v>
      </c>
      <c r="G30" s="395" t="s">
        <v>89</v>
      </c>
      <c r="H30" s="365"/>
      <c r="I30" s="365"/>
      <c r="J30" s="365"/>
      <c r="K30" s="365"/>
      <c r="L30" s="365"/>
      <c r="M30" s="365"/>
      <c r="N30" s="365"/>
      <c r="O30" s="365"/>
      <c r="P30" s="365"/>
      <c r="Q30" s="365"/>
      <c r="R30" s="365"/>
      <c r="S30" s="365"/>
      <c r="T30" s="365"/>
      <c r="U30" s="365"/>
      <c r="V30" s="365"/>
      <c r="W30" s="365"/>
      <c r="X30" s="365"/>
      <c r="Y30" s="365"/>
      <c r="Z30" s="365"/>
      <c r="AA30" s="365"/>
      <c r="AB30" s="365"/>
      <c r="AC30" s="365"/>
      <c r="AD30" s="405" t="s">
        <v>90</v>
      </c>
      <c r="AE30" s="406"/>
      <c r="AF30" s="406"/>
      <c r="AG30" s="406"/>
      <c r="AH30" s="406"/>
      <c r="AI30" s="406"/>
      <c r="AJ30" s="406"/>
      <c r="AK30" s="406"/>
      <c r="AL30" s="406"/>
      <c r="AM30" s="407"/>
      <c r="AN30" s="16"/>
      <c r="AO30" s="16"/>
      <c r="AP30" s="75" t="s">
        <v>102</v>
      </c>
    </row>
    <row r="31" spans="1:53" s="5" customFormat="1" ht="20.149999999999999" customHeight="1" x14ac:dyDescent="0.55000000000000004">
      <c r="A31" s="16"/>
      <c r="B31" s="253"/>
      <c r="C31" s="254"/>
      <c r="D31" s="49" t="s">
        <v>19</v>
      </c>
      <c r="E31" s="50"/>
      <c r="F31" s="51" t="s">
        <v>87</v>
      </c>
      <c r="G31" s="71" t="s">
        <v>93</v>
      </c>
      <c r="H31" s="71"/>
      <c r="I31" s="71"/>
      <c r="J31" s="356" t="s">
        <v>103</v>
      </c>
      <c r="K31" s="312"/>
      <c r="L31" s="312"/>
      <c r="M31" s="312"/>
      <c r="N31" s="312"/>
      <c r="O31" s="312"/>
      <c r="P31" s="312"/>
      <c r="Q31" s="312"/>
      <c r="R31" s="312"/>
      <c r="S31" s="312"/>
      <c r="T31" s="312"/>
      <c r="U31" s="312"/>
      <c r="V31" s="71" t="s">
        <v>104</v>
      </c>
      <c r="W31" s="71"/>
      <c r="X31" s="71"/>
      <c r="Y31" s="356" t="s">
        <v>105</v>
      </c>
      <c r="Z31" s="312"/>
      <c r="AA31" s="312"/>
      <c r="AB31" s="312"/>
      <c r="AC31" s="312"/>
      <c r="AD31" s="312"/>
      <c r="AE31" s="312"/>
      <c r="AF31" s="312"/>
      <c r="AG31" s="312"/>
      <c r="AH31" s="312"/>
      <c r="AI31" s="312"/>
      <c r="AJ31" s="312"/>
      <c r="AK31" s="312"/>
      <c r="AL31" s="312"/>
      <c r="AM31" s="408"/>
      <c r="AN31" s="16"/>
      <c r="AO31" s="16"/>
      <c r="AP31" s="75"/>
    </row>
    <row r="32" spans="1:53" s="5" customFormat="1" ht="20.149999999999999" customHeight="1" thickBot="1" x14ac:dyDescent="0.6">
      <c r="A32" s="16"/>
      <c r="B32" s="255"/>
      <c r="C32" s="256"/>
      <c r="D32" s="52" t="s">
        <v>20</v>
      </c>
      <c r="E32" s="53"/>
      <c r="F32" s="54" t="s">
        <v>92</v>
      </c>
      <c r="G32" s="55" t="s">
        <v>97</v>
      </c>
      <c r="H32" s="387" t="s">
        <v>98</v>
      </c>
      <c r="I32" s="388"/>
      <c r="J32" s="388"/>
      <c r="K32" s="388"/>
      <c r="L32" s="388"/>
      <c r="M32" s="388"/>
      <c r="N32" s="388"/>
      <c r="O32" s="388"/>
      <c r="P32" s="388"/>
      <c r="Q32" s="388"/>
      <c r="R32" s="388"/>
      <c r="S32" s="388"/>
      <c r="T32" s="388"/>
      <c r="U32" s="388"/>
      <c r="V32" s="388"/>
      <c r="W32" s="388"/>
      <c r="X32" s="388"/>
      <c r="Y32" s="388"/>
      <c r="Z32" s="388"/>
      <c r="AA32" s="388"/>
      <c r="AB32" s="388"/>
      <c r="AC32" s="388"/>
      <c r="AD32" s="388"/>
      <c r="AE32" s="388"/>
      <c r="AF32" s="388"/>
      <c r="AG32" s="388"/>
      <c r="AH32" s="388"/>
      <c r="AI32" s="388"/>
      <c r="AJ32" s="388"/>
      <c r="AK32" s="388"/>
      <c r="AL32" s="388"/>
      <c r="AM32" s="389"/>
      <c r="AN32" s="16"/>
      <c r="AO32" s="16"/>
      <c r="AP32" s="75"/>
    </row>
    <row r="33" spans="1:48" s="5" customFormat="1" ht="4.5" customHeight="1" thickBot="1" x14ac:dyDescent="0.6">
      <c r="A33" s="16"/>
      <c r="B33" s="16"/>
      <c r="C33" s="19"/>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6"/>
      <c r="AO33" s="16"/>
      <c r="AP33" s="75"/>
    </row>
    <row r="34" spans="1:48" s="5" customFormat="1" ht="23.25" customHeight="1" x14ac:dyDescent="0.55000000000000004">
      <c r="A34" s="16"/>
      <c r="B34" s="257" t="s">
        <v>22</v>
      </c>
      <c r="C34" s="258"/>
      <c r="D34" s="258"/>
      <c r="E34" s="259"/>
      <c r="F34" s="48" t="s">
        <v>43</v>
      </c>
      <c r="G34" s="56"/>
      <c r="H34" s="56"/>
      <c r="I34" s="57"/>
      <c r="J34" s="409" t="s">
        <v>174</v>
      </c>
      <c r="K34" s="365"/>
      <c r="L34" s="365"/>
      <c r="M34" s="365"/>
      <c r="N34" s="365"/>
      <c r="O34" s="365"/>
      <c r="P34" s="365"/>
      <c r="Q34" s="365"/>
      <c r="R34" s="365"/>
      <c r="S34" s="365"/>
      <c r="T34" s="365"/>
      <c r="U34" s="410"/>
      <c r="V34" s="58" t="s">
        <v>92</v>
      </c>
      <c r="W34" s="56" t="s">
        <v>106</v>
      </c>
      <c r="X34" s="56"/>
      <c r="Y34" s="56"/>
      <c r="Z34" s="57"/>
      <c r="AA34" s="409" t="s">
        <v>178</v>
      </c>
      <c r="AB34" s="365"/>
      <c r="AC34" s="365"/>
      <c r="AD34" s="365"/>
      <c r="AE34" s="365"/>
      <c r="AF34" s="365"/>
      <c r="AG34" s="365"/>
      <c r="AH34" s="365"/>
      <c r="AI34" s="365"/>
      <c r="AJ34" s="365"/>
      <c r="AK34" s="365"/>
      <c r="AL34" s="365"/>
      <c r="AM34" s="411"/>
      <c r="AN34" s="16"/>
      <c r="AO34" s="16"/>
      <c r="AP34" s="75" t="s">
        <v>176</v>
      </c>
    </row>
    <row r="35" spans="1:48" s="5" customFormat="1" ht="18.75" customHeight="1" x14ac:dyDescent="0.55000000000000004">
      <c r="A35" s="16"/>
      <c r="B35" s="412" t="s">
        <v>51</v>
      </c>
      <c r="C35" s="413"/>
      <c r="D35" s="416"/>
      <c r="E35" s="417"/>
      <c r="F35" s="417"/>
      <c r="G35" s="417"/>
      <c r="H35" s="417"/>
      <c r="I35" s="417"/>
      <c r="J35" s="418"/>
      <c r="K35" s="416"/>
      <c r="L35" s="417"/>
      <c r="M35" s="417"/>
      <c r="N35" s="417"/>
      <c r="O35" s="417"/>
      <c r="P35" s="417"/>
      <c r="Q35" s="417"/>
      <c r="R35" s="418"/>
      <c r="S35" s="416"/>
      <c r="T35" s="417"/>
      <c r="U35" s="417"/>
      <c r="V35" s="417"/>
      <c r="W35" s="417"/>
      <c r="X35" s="417"/>
      <c r="Y35" s="418"/>
      <c r="Z35" s="416"/>
      <c r="AA35" s="417"/>
      <c r="AB35" s="417"/>
      <c r="AC35" s="417"/>
      <c r="AD35" s="417"/>
      <c r="AE35" s="417"/>
      <c r="AF35" s="418"/>
      <c r="AG35" s="416"/>
      <c r="AH35" s="417"/>
      <c r="AI35" s="417"/>
      <c r="AJ35" s="417"/>
      <c r="AK35" s="417"/>
      <c r="AL35" s="417"/>
      <c r="AM35" s="419"/>
      <c r="AN35" s="16"/>
      <c r="AO35" s="16"/>
      <c r="AP35" s="75" t="s">
        <v>107</v>
      </c>
    </row>
    <row r="36" spans="1:48" s="5" customFormat="1" ht="18.75" customHeight="1" thickBot="1" x14ac:dyDescent="0.6">
      <c r="A36" s="16"/>
      <c r="B36" s="414"/>
      <c r="C36" s="415"/>
      <c r="D36" s="420"/>
      <c r="E36" s="207"/>
      <c r="F36" s="207"/>
      <c r="G36" s="207"/>
      <c r="H36" s="207"/>
      <c r="I36" s="421" t="s">
        <v>44</v>
      </c>
      <c r="J36" s="207"/>
      <c r="K36" s="207"/>
      <c r="L36" s="207"/>
      <c r="M36" s="207"/>
      <c r="N36" s="207"/>
      <c r="O36" s="207"/>
      <c r="P36" s="207"/>
      <c r="Q36" s="207"/>
      <c r="R36" s="207"/>
      <c r="S36" s="207"/>
      <c r="T36" s="207"/>
      <c r="U36" s="422"/>
      <c r="V36" s="420"/>
      <c r="W36" s="207"/>
      <c r="X36" s="207"/>
      <c r="Y36" s="207"/>
      <c r="Z36" s="423" t="s">
        <v>108</v>
      </c>
      <c r="AA36" s="207"/>
      <c r="AB36" s="207"/>
      <c r="AC36" s="207"/>
      <c r="AD36" s="207"/>
      <c r="AE36" s="207"/>
      <c r="AF36" s="207"/>
      <c r="AG36" s="207"/>
      <c r="AH36" s="207"/>
      <c r="AI36" s="207"/>
      <c r="AJ36" s="207"/>
      <c r="AK36" s="207"/>
      <c r="AL36" s="207"/>
      <c r="AM36" s="402"/>
      <c r="AN36" s="16"/>
      <c r="AO36" s="16"/>
      <c r="AP36" s="75"/>
    </row>
    <row r="37" spans="1:48" s="5" customFormat="1" ht="11.25" customHeight="1" thickBot="1" x14ac:dyDescent="0.6">
      <c r="A37" s="16"/>
      <c r="B37" s="16"/>
      <c r="C37" s="16"/>
      <c r="D37" s="16"/>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75"/>
    </row>
    <row r="38" spans="1:48" s="5" customFormat="1" ht="20.149999999999999" customHeight="1" x14ac:dyDescent="0.55000000000000004">
      <c r="B38" s="260" t="s">
        <v>142</v>
      </c>
      <c r="C38" s="261"/>
      <c r="D38" s="182" t="s">
        <v>146</v>
      </c>
      <c r="E38" s="183"/>
      <c r="F38" s="183"/>
      <c r="G38" s="183"/>
      <c r="H38" s="183"/>
      <c r="I38" s="183"/>
      <c r="J38" s="183"/>
      <c r="K38" s="183"/>
      <c r="L38" s="183"/>
      <c r="M38" s="183"/>
      <c r="N38" s="183"/>
      <c r="O38" s="183"/>
      <c r="P38" s="183"/>
      <c r="Q38" s="183"/>
      <c r="R38" s="183"/>
      <c r="S38" s="183"/>
      <c r="T38" s="183"/>
      <c r="U38" s="183"/>
      <c r="V38" s="183"/>
      <c r="W38" s="183"/>
      <c r="X38" s="183"/>
      <c r="Y38" s="183"/>
      <c r="Z38" s="183"/>
      <c r="AA38" s="183"/>
      <c r="AB38" s="183"/>
      <c r="AC38" s="183"/>
      <c r="AD38" s="183"/>
      <c r="AE38" s="183"/>
      <c r="AF38" s="183"/>
      <c r="AG38" s="183"/>
      <c r="AH38" s="183"/>
      <c r="AI38" s="183"/>
      <c r="AJ38" s="183"/>
      <c r="AK38" s="183"/>
      <c r="AL38" s="183"/>
      <c r="AM38" s="184"/>
      <c r="AN38" s="16"/>
      <c r="AO38" s="16"/>
      <c r="AP38" s="75" t="s">
        <v>168</v>
      </c>
    </row>
    <row r="39" spans="1:48" s="5" customFormat="1" ht="12" customHeight="1" x14ac:dyDescent="0.55000000000000004">
      <c r="B39" s="262"/>
      <c r="C39" s="263"/>
      <c r="D39" s="185"/>
      <c r="E39" s="186"/>
      <c r="F39" s="186"/>
      <c r="G39" s="186"/>
      <c r="H39" s="186"/>
      <c r="I39" s="186"/>
      <c r="J39" s="186"/>
      <c r="K39" s="186"/>
      <c r="L39" s="186"/>
      <c r="M39" s="186"/>
      <c r="N39" s="186"/>
      <c r="O39" s="186"/>
      <c r="P39" s="186"/>
      <c r="Q39" s="186"/>
      <c r="R39" s="186"/>
      <c r="S39" s="186"/>
      <c r="T39" s="186"/>
      <c r="U39" s="186"/>
      <c r="V39" s="186"/>
      <c r="W39" s="186"/>
      <c r="X39" s="186"/>
      <c r="Y39" s="186"/>
      <c r="Z39" s="186"/>
      <c r="AA39" s="186"/>
      <c r="AB39" s="186"/>
      <c r="AC39" s="186"/>
      <c r="AD39" s="186"/>
      <c r="AE39" s="186"/>
      <c r="AF39" s="186"/>
      <c r="AG39" s="186"/>
      <c r="AH39" s="186"/>
      <c r="AI39" s="186"/>
      <c r="AJ39" s="186"/>
      <c r="AK39" s="186"/>
      <c r="AL39" s="186"/>
      <c r="AM39" s="187"/>
      <c r="AN39" s="16"/>
      <c r="AO39" s="16"/>
      <c r="AP39" s="16"/>
    </row>
    <row r="40" spans="1:48" s="5" customFormat="1" ht="17.25" customHeight="1" x14ac:dyDescent="0.55000000000000004">
      <c r="B40" s="262"/>
      <c r="C40" s="263"/>
      <c r="D40" s="185"/>
      <c r="E40" s="186"/>
      <c r="F40" s="186"/>
      <c r="G40" s="186"/>
      <c r="H40" s="186"/>
      <c r="I40" s="186"/>
      <c r="J40" s="186"/>
      <c r="K40" s="186"/>
      <c r="L40" s="186"/>
      <c r="M40" s="186"/>
      <c r="N40" s="186"/>
      <c r="O40" s="186"/>
      <c r="P40" s="186"/>
      <c r="Q40" s="186"/>
      <c r="R40" s="186"/>
      <c r="S40" s="186"/>
      <c r="T40" s="186"/>
      <c r="U40" s="186"/>
      <c r="V40" s="186"/>
      <c r="W40" s="186"/>
      <c r="X40" s="186"/>
      <c r="Y40" s="186"/>
      <c r="Z40" s="186"/>
      <c r="AA40" s="186"/>
      <c r="AB40" s="186"/>
      <c r="AC40" s="186"/>
      <c r="AD40" s="186"/>
      <c r="AE40" s="186"/>
      <c r="AF40" s="186"/>
      <c r="AG40" s="186"/>
      <c r="AH40" s="186"/>
      <c r="AI40" s="186"/>
      <c r="AJ40" s="186"/>
      <c r="AK40" s="186"/>
      <c r="AL40" s="186"/>
      <c r="AM40" s="187"/>
      <c r="AN40" s="16"/>
      <c r="AO40" s="16"/>
      <c r="AP40" s="16"/>
    </row>
    <row r="41" spans="1:48" s="5" customFormat="1" ht="19.5" customHeight="1" x14ac:dyDescent="0.55000000000000004">
      <c r="B41" s="262"/>
      <c r="C41" s="263"/>
      <c r="D41" s="185"/>
      <c r="E41" s="186"/>
      <c r="F41" s="186"/>
      <c r="G41" s="186"/>
      <c r="H41" s="186"/>
      <c r="I41" s="186"/>
      <c r="J41" s="186"/>
      <c r="K41" s="186"/>
      <c r="L41" s="186"/>
      <c r="M41" s="186"/>
      <c r="N41" s="186"/>
      <c r="O41" s="186"/>
      <c r="P41" s="186"/>
      <c r="Q41" s="186"/>
      <c r="R41" s="186"/>
      <c r="S41" s="186"/>
      <c r="T41" s="186"/>
      <c r="U41" s="186"/>
      <c r="V41" s="186"/>
      <c r="W41" s="186"/>
      <c r="X41" s="186"/>
      <c r="Y41" s="186"/>
      <c r="Z41" s="186"/>
      <c r="AA41" s="186"/>
      <c r="AB41" s="186"/>
      <c r="AC41" s="186"/>
      <c r="AD41" s="186"/>
      <c r="AE41" s="186"/>
      <c r="AF41" s="186"/>
      <c r="AG41" s="186"/>
      <c r="AH41" s="186"/>
      <c r="AI41" s="186"/>
      <c r="AJ41" s="186"/>
      <c r="AK41" s="186"/>
      <c r="AL41" s="186"/>
      <c r="AM41" s="187"/>
      <c r="AN41" s="16"/>
      <c r="AO41" s="16"/>
      <c r="AP41" s="16"/>
    </row>
    <row r="42" spans="1:48" s="5" customFormat="1" ht="12.75" customHeight="1" x14ac:dyDescent="0.55000000000000004">
      <c r="B42" s="262"/>
      <c r="C42" s="263"/>
      <c r="D42" s="188"/>
      <c r="E42" s="189"/>
      <c r="F42" s="189"/>
      <c r="G42" s="189"/>
      <c r="H42" s="189"/>
      <c r="I42" s="189"/>
      <c r="J42" s="189"/>
      <c r="K42" s="189"/>
      <c r="L42" s="189"/>
      <c r="M42" s="189"/>
      <c r="N42" s="189"/>
      <c r="O42" s="189"/>
      <c r="P42" s="189"/>
      <c r="Q42" s="189"/>
      <c r="R42" s="189"/>
      <c r="S42" s="189"/>
      <c r="T42" s="189"/>
      <c r="U42" s="189"/>
      <c r="V42" s="189"/>
      <c r="W42" s="189"/>
      <c r="X42" s="189"/>
      <c r="Y42" s="189"/>
      <c r="Z42" s="189"/>
      <c r="AA42" s="189"/>
      <c r="AB42" s="189"/>
      <c r="AC42" s="189"/>
      <c r="AD42" s="189"/>
      <c r="AE42" s="189"/>
      <c r="AF42" s="189"/>
      <c r="AG42" s="189"/>
      <c r="AH42" s="189"/>
      <c r="AI42" s="189"/>
      <c r="AJ42" s="189"/>
      <c r="AK42" s="189"/>
      <c r="AL42" s="189"/>
      <c r="AM42" s="190"/>
      <c r="AN42" s="16"/>
      <c r="AO42" s="16"/>
      <c r="AP42" s="16"/>
    </row>
    <row r="43" spans="1:48" s="5" customFormat="1" ht="15" customHeight="1" x14ac:dyDescent="0.55000000000000004">
      <c r="B43" s="264" t="s">
        <v>154</v>
      </c>
      <c r="C43" s="265"/>
      <c r="D43" s="96" t="s">
        <v>23</v>
      </c>
      <c r="E43" s="98" t="s">
        <v>156</v>
      </c>
      <c r="F43" s="97"/>
      <c r="G43" s="97"/>
      <c r="H43" s="97"/>
      <c r="I43" s="97"/>
      <c r="J43" s="97"/>
      <c r="K43" s="97"/>
      <c r="L43" s="97"/>
      <c r="M43" s="97"/>
      <c r="N43" s="97"/>
      <c r="O43" s="97"/>
      <c r="P43" s="97"/>
      <c r="Q43" s="97"/>
      <c r="R43" s="97"/>
      <c r="S43" s="97"/>
      <c r="T43" s="97"/>
      <c r="U43" s="97"/>
      <c r="V43" s="97"/>
      <c r="W43" s="97"/>
      <c r="X43" s="97"/>
      <c r="Y43" s="98"/>
      <c r="Z43" s="98"/>
      <c r="AA43" s="98"/>
      <c r="AB43" s="98"/>
      <c r="AC43" s="98"/>
      <c r="AD43" s="98"/>
      <c r="AE43" s="98"/>
      <c r="AF43" s="98"/>
      <c r="AG43" s="98"/>
      <c r="AH43" s="98"/>
      <c r="AI43" s="98"/>
      <c r="AJ43" s="98"/>
      <c r="AK43" s="99"/>
      <c r="AL43" s="99"/>
      <c r="AM43" s="100"/>
      <c r="AN43" s="16"/>
      <c r="AO43" s="16"/>
      <c r="AP43" s="113" t="s">
        <v>165</v>
      </c>
      <c r="AQ43" s="112"/>
    </row>
    <row r="44" spans="1:48" s="5" customFormat="1" ht="15" customHeight="1" x14ac:dyDescent="0.55000000000000004">
      <c r="B44" s="266"/>
      <c r="C44" s="267"/>
      <c r="D44" s="101"/>
      <c r="E44" s="5" t="s">
        <v>155</v>
      </c>
      <c r="F44" s="109"/>
      <c r="G44" s="109"/>
      <c r="H44" s="109"/>
      <c r="I44" s="109"/>
      <c r="J44" s="109"/>
      <c r="K44" s="109"/>
      <c r="L44" s="109"/>
      <c r="M44" s="109"/>
      <c r="N44" s="109"/>
      <c r="O44" s="109"/>
      <c r="P44" s="109"/>
      <c r="Q44" s="109"/>
      <c r="R44" s="109"/>
      <c r="S44" s="109"/>
      <c r="T44" s="109"/>
      <c r="U44" s="109"/>
      <c r="V44" s="109"/>
      <c r="W44" s="109"/>
      <c r="X44" s="109"/>
      <c r="AK44" s="7"/>
      <c r="AL44" s="7"/>
      <c r="AM44" s="103"/>
      <c r="AN44" s="16"/>
      <c r="AO44" s="16"/>
      <c r="AP44" s="16"/>
      <c r="AQ44" s="7"/>
    </row>
    <row r="45" spans="1:48" s="5" customFormat="1" ht="25" customHeight="1" x14ac:dyDescent="0.55000000000000004">
      <c r="B45" s="266"/>
      <c r="C45" s="267"/>
      <c r="D45" s="101"/>
      <c r="G45" s="102"/>
      <c r="H45" s="102"/>
      <c r="I45" s="102"/>
      <c r="J45" s="102"/>
      <c r="K45" s="102"/>
      <c r="L45" s="102"/>
      <c r="M45" s="102"/>
      <c r="N45" s="102"/>
      <c r="O45" s="102"/>
      <c r="P45" s="102"/>
      <c r="Q45" s="102"/>
      <c r="R45" s="102"/>
      <c r="S45" s="102"/>
      <c r="T45" s="102"/>
      <c r="U45" s="102"/>
      <c r="V45" s="102"/>
      <c r="W45" s="102"/>
      <c r="X45" s="102"/>
      <c r="AK45" s="7"/>
      <c r="AL45" s="7"/>
      <c r="AM45" s="103"/>
      <c r="AN45" s="16"/>
      <c r="AO45" s="16"/>
      <c r="AP45" s="16"/>
      <c r="AQ45" s="7"/>
      <c r="AV45" s="110"/>
    </row>
    <row r="46" spans="1:48" s="5" customFormat="1" ht="15" customHeight="1" x14ac:dyDescent="0.55000000000000004">
      <c r="B46" s="266"/>
      <c r="C46" s="267"/>
      <c r="D46" s="101" t="s">
        <v>148</v>
      </c>
      <c r="E46" s="5" t="s">
        <v>158</v>
      </c>
      <c r="F46" s="105"/>
      <c r="G46" s="102"/>
      <c r="H46" s="102"/>
      <c r="I46" s="102"/>
      <c r="J46" s="102"/>
      <c r="K46" s="102"/>
      <c r="L46" s="102"/>
      <c r="M46" s="102"/>
      <c r="N46" s="102"/>
      <c r="O46" s="102"/>
      <c r="P46" s="102"/>
      <c r="Q46" s="102"/>
      <c r="R46" s="102"/>
      <c r="S46" s="102"/>
      <c r="T46" s="102"/>
      <c r="U46" s="102"/>
      <c r="V46" s="102"/>
      <c r="W46" s="102"/>
      <c r="X46" s="102"/>
      <c r="AK46" s="7"/>
      <c r="AL46" s="7"/>
      <c r="AM46" s="103"/>
      <c r="AN46" s="16"/>
      <c r="AO46" s="16"/>
      <c r="AP46" s="16"/>
      <c r="AQ46" s="7"/>
    </row>
    <row r="47" spans="1:48" s="5" customFormat="1" ht="15" customHeight="1" x14ac:dyDescent="0.55000000000000004">
      <c r="B47" s="266"/>
      <c r="C47" s="267"/>
      <c r="D47" s="101"/>
      <c r="E47" s="5" t="s">
        <v>157</v>
      </c>
      <c r="F47" s="105"/>
      <c r="G47" s="102"/>
      <c r="H47" s="102"/>
      <c r="I47" s="102"/>
      <c r="J47" s="102"/>
      <c r="K47" s="102"/>
      <c r="L47" s="102"/>
      <c r="M47" s="102"/>
      <c r="N47" s="102"/>
      <c r="O47" s="102"/>
      <c r="P47" s="102"/>
      <c r="Q47" s="102"/>
      <c r="R47" s="102"/>
      <c r="S47" s="102"/>
      <c r="T47" s="102"/>
      <c r="U47" s="102"/>
      <c r="V47" s="102"/>
      <c r="W47" s="102"/>
      <c r="X47" s="102"/>
      <c r="AK47" s="7"/>
      <c r="AL47" s="7"/>
      <c r="AM47" s="103"/>
      <c r="AN47" s="16"/>
      <c r="AO47" s="16"/>
      <c r="AP47" s="113" t="s">
        <v>166</v>
      </c>
      <c r="AQ47" s="7"/>
    </row>
    <row r="48" spans="1:48" s="5" customFormat="1" ht="25" customHeight="1" x14ac:dyDescent="0.55000000000000004">
      <c r="B48" s="266"/>
      <c r="C48" s="267"/>
      <c r="D48" s="101"/>
      <c r="E48" s="104"/>
      <c r="F48" s="105"/>
      <c r="G48" s="102"/>
      <c r="H48" s="102"/>
      <c r="I48" s="102"/>
      <c r="J48" s="102"/>
      <c r="K48" s="102"/>
      <c r="L48" s="102"/>
      <c r="M48" s="102"/>
      <c r="N48" s="102"/>
      <c r="O48" s="102"/>
      <c r="P48" s="102"/>
      <c r="Q48" s="102"/>
      <c r="R48" s="102"/>
      <c r="S48" s="102"/>
      <c r="T48" s="102"/>
      <c r="U48" s="102"/>
      <c r="V48" s="102"/>
      <c r="W48" s="102"/>
      <c r="X48" s="102"/>
      <c r="AK48" s="7"/>
      <c r="AL48" s="7"/>
      <c r="AM48" s="103"/>
      <c r="AN48" s="16"/>
      <c r="AO48" s="16"/>
      <c r="AP48" s="113" t="s">
        <v>167</v>
      </c>
      <c r="AQ48" s="7"/>
    </row>
    <row r="49" spans="2:43" s="5" customFormat="1" ht="15" customHeight="1" x14ac:dyDescent="0.55000000000000004">
      <c r="B49" s="266"/>
      <c r="C49" s="267"/>
      <c r="D49" s="106" t="s">
        <v>151</v>
      </c>
      <c r="E49" s="107"/>
      <c r="F49" s="105"/>
      <c r="G49" s="102"/>
      <c r="H49" s="102"/>
      <c r="I49" s="102"/>
      <c r="J49" s="102"/>
      <c r="K49" s="102"/>
      <c r="L49" s="102"/>
      <c r="M49" s="102"/>
      <c r="N49" s="102"/>
      <c r="O49" s="102"/>
      <c r="P49" s="102"/>
      <c r="Q49" s="102"/>
      <c r="R49" s="102"/>
      <c r="S49" s="102"/>
      <c r="T49" s="102"/>
      <c r="U49" s="102"/>
      <c r="V49" s="102"/>
      <c r="W49" s="102"/>
      <c r="X49" s="102"/>
      <c r="AK49" s="7"/>
      <c r="AL49" s="7"/>
      <c r="AM49" s="103"/>
      <c r="AN49" s="16"/>
      <c r="AO49" s="16"/>
      <c r="AP49" s="16"/>
      <c r="AQ49" s="7"/>
    </row>
    <row r="50" spans="2:43" s="5" customFormat="1" ht="15" customHeight="1" x14ac:dyDescent="0.55000000000000004">
      <c r="B50" s="266"/>
      <c r="C50" s="267"/>
      <c r="D50" s="106" t="s">
        <v>160</v>
      </c>
      <c r="E50" s="107"/>
      <c r="AM50" s="103"/>
      <c r="AN50" s="16"/>
      <c r="AO50" s="16"/>
      <c r="AP50" s="16"/>
    </row>
    <row r="51" spans="2:43" s="5" customFormat="1" ht="15" customHeight="1" x14ac:dyDescent="0.55000000000000004">
      <c r="B51" s="266"/>
      <c r="C51" s="267"/>
      <c r="D51" s="106" t="s">
        <v>150</v>
      </c>
      <c r="E51" s="107"/>
      <c r="Y51" s="108"/>
      <c r="AI51" s="104"/>
      <c r="AM51" s="103"/>
      <c r="AN51" s="16"/>
      <c r="AO51" s="16"/>
      <c r="AP51" s="16"/>
    </row>
    <row r="52" spans="2:43" s="5" customFormat="1" ht="15" customHeight="1" x14ac:dyDescent="0.55000000000000004">
      <c r="B52" s="266"/>
      <c r="C52" s="267"/>
      <c r="D52" s="106"/>
      <c r="E52" s="107"/>
      <c r="F52" s="107" t="s">
        <v>159</v>
      </c>
      <c r="L52" s="108" t="s">
        <v>149</v>
      </c>
      <c r="Y52" s="108"/>
      <c r="AI52" s="104"/>
      <c r="AM52" s="103"/>
      <c r="AN52" s="16"/>
      <c r="AO52" s="16"/>
      <c r="AP52" s="16"/>
    </row>
    <row r="53" spans="2:43" s="5" customFormat="1" ht="15" customHeight="1" x14ac:dyDescent="0.55000000000000004">
      <c r="B53" s="266"/>
      <c r="C53" s="267"/>
      <c r="D53" s="101" t="s">
        <v>24</v>
      </c>
      <c r="E53" s="104" t="s">
        <v>170</v>
      </c>
      <c r="F53" s="107"/>
      <c r="L53" s="108"/>
      <c r="AI53" s="104"/>
      <c r="AM53" s="103"/>
      <c r="AN53" s="16"/>
      <c r="AO53" s="16"/>
      <c r="AP53" s="16"/>
    </row>
    <row r="54" spans="2:43" s="5" customFormat="1" ht="15" customHeight="1" x14ac:dyDescent="0.55000000000000004">
      <c r="B54" s="266"/>
      <c r="C54" s="267"/>
      <c r="D54" s="106"/>
      <c r="E54" s="107"/>
      <c r="F54" s="95" t="s">
        <v>161</v>
      </c>
      <c r="G54" s="111"/>
      <c r="H54" s="111"/>
      <c r="I54" s="111" t="s">
        <v>164</v>
      </c>
      <c r="J54" s="311" t="s">
        <v>190</v>
      </c>
      <c r="K54" s="312"/>
      <c r="L54" s="312"/>
      <c r="M54" s="312"/>
      <c r="N54" s="312"/>
      <c r="O54" s="312"/>
      <c r="P54" s="312"/>
      <c r="Q54" s="312"/>
      <c r="R54" s="312"/>
      <c r="S54" s="312"/>
      <c r="T54" s="312"/>
      <c r="U54" s="312"/>
      <c r="V54" s="312"/>
      <c r="W54" s="312"/>
      <c r="X54" s="312"/>
      <c r="Y54" s="312"/>
      <c r="Z54" s="312"/>
      <c r="AA54" s="312"/>
      <c r="AB54" s="312"/>
      <c r="AC54" s="312"/>
      <c r="AD54" s="312"/>
      <c r="AE54" s="312"/>
      <c r="AF54" s="312"/>
      <c r="AG54" s="312"/>
      <c r="AH54" s="312"/>
      <c r="AI54" s="312"/>
      <c r="AJ54" s="312"/>
      <c r="AK54" s="312"/>
      <c r="AL54" s="313"/>
      <c r="AM54" s="103"/>
      <c r="AN54" s="16"/>
      <c r="AO54" s="16"/>
      <c r="AP54" s="113" t="s">
        <v>169</v>
      </c>
    </row>
    <row r="55" spans="2:43" s="5" customFormat="1" ht="15" customHeight="1" x14ac:dyDescent="0.55000000000000004">
      <c r="B55" s="266"/>
      <c r="C55" s="267"/>
      <c r="D55" s="106"/>
      <c r="E55" s="107"/>
      <c r="F55" s="95" t="s">
        <v>162</v>
      </c>
      <c r="G55" s="111"/>
      <c r="H55" s="111"/>
      <c r="I55" s="111" t="s">
        <v>164</v>
      </c>
      <c r="J55" s="311" t="s">
        <v>191</v>
      </c>
      <c r="K55" s="312"/>
      <c r="L55" s="312"/>
      <c r="M55" s="312"/>
      <c r="N55" s="312"/>
      <c r="O55" s="312"/>
      <c r="P55" s="312"/>
      <c r="Q55" s="312"/>
      <c r="R55" s="312"/>
      <c r="S55" s="312"/>
      <c r="T55" s="312"/>
      <c r="U55" s="312"/>
      <c r="V55" s="312"/>
      <c r="W55" s="312"/>
      <c r="X55" s="312"/>
      <c r="Y55" s="312"/>
      <c r="Z55" s="312"/>
      <c r="AA55" s="312"/>
      <c r="AB55" s="312"/>
      <c r="AC55" s="312"/>
      <c r="AD55" s="312"/>
      <c r="AE55" s="312"/>
      <c r="AF55" s="312"/>
      <c r="AG55" s="312"/>
      <c r="AH55" s="312"/>
      <c r="AI55" s="312"/>
      <c r="AJ55" s="312"/>
      <c r="AK55" s="312"/>
      <c r="AL55" s="313"/>
      <c r="AM55" s="103"/>
      <c r="AN55" s="16"/>
      <c r="AO55" s="16"/>
      <c r="AP55" s="113" t="s">
        <v>171</v>
      </c>
    </row>
    <row r="56" spans="2:43" s="5" customFormat="1" ht="15" customHeight="1" x14ac:dyDescent="0.55000000000000004">
      <c r="B56" s="266"/>
      <c r="C56" s="267"/>
      <c r="D56" s="107"/>
      <c r="E56" s="107"/>
      <c r="F56" s="95"/>
      <c r="G56" s="111" t="s">
        <v>163</v>
      </c>
      <c r="H56" s="111"/>
      <c r="I56" s="111" t="s">
        <v>164</v>
      </c>
      <c r="J56" s="314"/>
      <c r="K56" s="315"/>
      <c r="L56" s="315"/>
      <c r="M56" s="315"/>
      <c r="N56" s="315"/>
      <c r="O56" s="315"/>
      <c r="P56" s="315"/>
      <c r="Q56" s="315"/>
      <c r="R56" s="315"/>
      <c r="S56" s="315"/>
      <c r="T56" s="315"/>
      <c r="U56" s="315"/>
      <c r="V56" s="315"/>
      <c r="W56" s="315"/>
      <c r="X56" s="315"/>
      <c r="Y56" s="315"/>
      <c r="Z56" s="315"/>
      <c r="AA56" s="315"/>
      <c r="AB56" s="315"/>
      <c r="AC56" s="315"/>
      <c r="AD56" s="315"/>
      <c r="AE56" s="315"/>
      <c r="AF56" s="315"/>
      <c r="AG56" s="315"/>
      <c r="AH56" s="315"/>
      <c r="AI56" s="315"/>
      <c r="AJ56" s="315"/>
      <c r="AK56" s="315"/>
      <c r="AL56" s="210"/>
      <c r="AM56" s="103"/>
      <c r="AN56" s="16"/>
      <c r="AO56" s="16"/>
      <c r="AP56" s="16"/>
    </row>
    <row r="57" spans="2:43" s="5" customFormat="1" ht="5" customHeight="1" thickBot="1" x14ac:dyDescent="0.6">
      <c r="B57" s="266"/>
      <c r="C57" s="267"/>
      <c r="F57" s="107"/>
      <c r="G57" s="107"/>
      <c r="H57" s="107"/>
      <c r="I57" s="107"/>
      <c r="J57" s="107"/>
      <c r="K57" s="107"/>
      <c r="L57" s="107"/>
      <c r="O57" s="107"/>
      <c r="P57" s="107"/>
      <c r="AM57" s="103"/>
      <c r="AN57" s="16"/>
      <c r="AO57" s="16"/>
      <c r="AP57" s="16"/>
    </row>
    <row r="58" spans="2:43" s="5" customFormat="1" ht="22" customHeight="1" x14ac:dyDescent="0.55000000000000004">
      <c r="B58" s="301" t="s">
        <v>147</v>
      </c>
      <c r="C58" s="301"/>
      <c r="D58" s="301"/>
      <c r="E58" s="301"/>
      <c r="F58" s="301"/>
      <c r="G58" s="301"/>
      <c r="H58" s="301"/>
      <c r="I58" s="301"/>
      <c r="J58" s="301"/>
      <c r="K58" s="301"/>
      <c r="L58" s="301"/>
      <c r="M58" s="301"/>
      <c r="N58" s="301"/>
      <c r="O58" s="301"/>
      <c r="P58" s="301"/>
      <c r="Q58" s="301"/>
      <c r="R58" s="301"/>
      <c r="S58" s="301"/>
      <c r="T58" s="301"/>
      <c r="U58" s="301"/>
      <c r="V58" s="301"/>
      <c r="W58" s="301"/>
      <c r="X58" s="301"/>
      <c r="Y58" s="301"/>
      <c r="Z58" s="301"/>
      <c r="AA58" s="301"/>
      <c r="AB58" s="301"/>
      <c r="AC58" s="301"/>
      <c r="AD58" s="301"/>
      <c r="AE58" s="301"/>
      <c r="AF58" s="301"/>
      <c r="AG58" s="301"/>
      <c r="AH58" s="301"/>
      <c r="AI58" s="301"/>
      <c r="AJ58" s="301"/>
      <c r="AK58" s="301"/>
      <c r="AL58" s="301"/>
      <c r="AM58" s="301"/>
      <c r="AN58" s="16"/>
      <c r="AO58" s="16"/>
      <c r="AP58" s="16"/>
    </row>
    <row r="59" spans="2:43" s="5" customFormat="1" ht="24.75" customHeight="1" x14ac:dyDescent="0.55000000000000004">
      <c r="B59" s="302"/>
      <c r="C59" s="302"/>
      <c r="D59" s="302"/>
      <c r="E59" s="302"/>
      <c r="F59" s="302"/>
      <c r="G59" s="302"/>
      <c r="H59" s="302"/>
      <c r="I59" s="302"/>
      <c r="J59" s="302"/>
      <c r="K59" s="302"/>
      <c r="L59" s="302"/>
      <c r="M59" s="302"/>
      <c r="N59" s="302"/>
      <c r="O59" s="302"/>
      <c r="P59" s="302"/>
      <c r="Q59" s="302"/>
      <c r="R59" s="302"/>
      <c r="S59" s="302"/>
      <c r="T59" s="302"/>
      <c r="U59" s="302"/>
      <c r="V59" s="302"/>
      <c r="W59" s="302"/>
      <c r="X59" s="302"/>
      <c r="Y59" s="302"/>
      <c r="Z59" s="302"/>
      <c r="AA59" s="302"/>
      <c r="AB59" s="302"/>
      <c r="AC59" s="302"/>
      <c r="AD59" s="302"/>
      <c r="AE59" s="302"/>
      <c r="AF59" s="302"/>
      <c r="AG59" s="302"/>
      <c r="AH59" s="302"/>
      <c r="AI59" s="302"/>
      <c r="AJ59" s="302"/>
      <c r="AK59" s="302"/>
      <c r="AL59" s="302"/>
      <c r="AM59" s="302"/>
      <c r="AN59" s="16"/>
      <c r="AO59" s="16"/>
      <c r="AP59" s="16"/>
    </row>
    <row r="60" spans="2:43" s="5" customFormat="1" ht="9.75" customHeight="1" x14ac:dyDescent="0.55000000000000004">
      <c r="B60" s="302"/>
      <c r="C60" s="302"/>
      <c r="D60" s="302"/>
      <c r="E60" s="302"/>
      <c r="F60" s="302"/>
      <c r="G60" s="302"/>
      <c r="H60" s="302"/>
      <c r="I60" s="302"/>
      <c r="J60" s="302"/>
      <c r="K60" s="302"/>
      <c r="L60" s="302"/>
      <c r="M60" s="302"/>
      <c r="N60" s="302"/>
      <c r="O60" s="302"/>
      <c r="P60" s="302"/>
      <c r="Q60" s="302"/>
      <c r="R60" s="302"/>
      <c r="S60" s="302"/>
      <c r="T60" s="302"/>
      <c r="U60" s="302"/>
      <c r="V60" s="302"/>
      <c r="W60" s="302"/>
      <c r="X60" s="302"/>
      <c r="Y60" s="302"/>
      <c r="Z60" s="302"/>
      <c r="AA60" s="302"/>
      <c r="AB60" s="302"/>
      <c r="AC60" s="302"/>
      <c r="AD60" s="302"/>
      <c r="AE60" s="302"/>
      <c r="AF60" s="302"/>
      <c r="AG60" s="302"/>
      <c r="AH60" s="302"/>
      <c r="AI60" s="302"/>
      <c r="AJ60" s="302"/>
      <c r="AK60" s="302"/>
      <c r="AL60" s="302"/>
      <c r="AM60" s="302"/>
      <c r="AN60" s="16"/>
      <c r="AO60" s="16"/>
      <c r="AP60" s="16"/>
    </row>
    <row r="61" spans="2:43" s="5" customFormat="1" ht="6.75" customHeight="1" x14ac:dyDescent="0.55000000000000004">
      <c r="B61" s="302"/>
      <c r="C61" s="302"/>
      <c r="D61" s="302"/>
      <c r="E61" s="302"/>
      <c r="F61" s="302"/>
      <c r="G61" s="302"/>
      <c r="H61" s="302"/>
      <c r="I61" s="302"/>
      <c r="J61" s="302"/>
      <c r="K61" s="302"/>
      <c r="L61" s="302"/>
      <c r="M61" s="302"/>
      <c r="N61" s="302"/>
      <c r="O61" s="302"/>
      <c r="P61" s="302"/>
      <c r="Q61" s="302"/>
      <c r="R61" s="302"/>
      <c r="S61" s="302"/>
      <c r="T61" s="302"/>
      <c r="U61" s="302"/>
      <c r="V61" s="302"/>
      <c r="W61" s="302"/>
      <c r="X61" s="302"/>
      <c r="Y61" s="302"/>
      <c r="Z61" s="302"/>
      <c r="AA61" s="302"/>
      <c r="AB61" s="302"/>
      <c r="AC61" s="302"/>
      <c r="AD61" s="302"/>
      <c r="AE61" s="302"/>
      <c r="AF61" s="302"/>
      <c r="AG61" s="302"/>
      <c r="AH61" s="302"/>
      <c r="AI61" s="302"/>
      <c r="AJ61" s="302"/>
      <c r="AK61" s="302"/>
      <c r="AL61" s="302"/>
      <c r="AM61" s="302"/>
      <c r="AN61" s="16"/>
      <c r="AO61" s="16"/>
      <c r="AP61" s="16"/>
    </row>
    <row r="62" spans="2:43" s="5" customFormat="1" ht="6.75" customHeight="1" x14ac:dyDescent="0.55000000000000004">
      <c r="B62" s="302"/>
      <c r="C62" s="302"/>
      <c r="D62" s="302"/>
      <c r="E62" s="302"/>
      <c r="F62" s="302"/>
      <c r="G62" s="302"/>
      <c r="H62" s="302"/>
      <c r="I62" s="302"/>
      <c r="J62" s="302"/>
      <c r="K62" s="302"/>
      <c r="L62" s="302"/>
      <c r="M62" s="302"/>
      <c r="N62" s="302"/>
      <c r="O62" s="302"/>
      <c r="P62" s="302"/>
      <c r="Q62" s="302"/>
      <c r="R62" s="302"/>
      <c r="S62" s="302"/>
      <c r="T62" s="302"/>
      <c r="U62" s="302"/>
      <c r="V62" s="302"/>
      <c r="W62" s="302"/>
      <c r="X62" s="302"/>
      <c r="Y62" s="302"/>
      <c r="Z62" s="302"/>
      <c r="AA62" s="302"/>
      <c r="AB62" s="302"/>
      <c r="AC62" s="302"/>
      <c r="AD62" s="302"/>
      <c r="AE62" s="302"/>
      <c r="AF62" s="302"/>
      <c r="AG62" s="302"/>
      <c r="AH62" s="302"/>
      <c r="AI62" s="302"/>
      <c r="AJ62" s="302"/>
      <c r="AK62" s="302"/>
      <c r="AL62" s="302"/>
      <c r="AM62" s="302"/>
      <c r="AN62" s="16"/>
      <c r="AO62" s="16"/>
      <c r="AP62" s="16"/>
    </row>
    <row r="63" spans="2:43" ht="15" customHeight="1" x14ac:dyDescent="0.55000000000000004">
      <c r="B63" s="302"/>
      <c r="C63" s="302"/>
      <c r="D63" s="302"/>
      <c r="E63" s="302"/>
      <c r="F63" s="302"/>
      <c r="G63" s="302"/>
      <c r="H63" s="302"/>
      <c r="I63" s="302"/>
      <c r="J63" s="302"/>
      <c r="K63" s="302"/>
      <c r="L63" s="302"/>
      <c r="M63" s="302"/>
      <c r="N63" s="302"/>
      <c r="O63" s="302"/>
      <c r="P63" s="302"/>
      <c r="Q63" s="302"/>
      <c r="R63" s="302"/>
      <c r="S63" s="302"/>
      <c r="T63" s="302"/>
      <c r="U63" s="302"/>
      <c r="V63" s="302"/>
      <c r="W63" s="302"/>
      <c r="X63" s="302"/>
      <c r="Y63" s="302"/>
      <c r="Z63" s="302"/>
      <c r="AA63" s="302"/>
      <c r="AB63" s="302"/>
      <c r="AC63" s="302"/>
      <c r="AD63" s="302"/>
      <c r="AE63" s="302"/>
      <c r="AF63" s="302"/>
      <c r="AG63" s="302"/>
      <c r="AH63" s="302"/>
      <c r="AI63" s="302"/>
      <c r="AJ63" s="302"/>
      <c r="AK63" s="302"/>
      <c r="AL63" s="302"/>
      <c r="AM63" s="302"/>
      <c r="AN63" s="10"/>
      <c r="AO63" s="10"/>
      <c r="AP63" s="10"/>
    </row>
    <row r="64" spans="2:43" ht="0.75" hidden="1" customHeight="1" x14ac:dyDescent="0.55000000000000004">
      <c r="AP64" s="2"/>
    </row>
    <row r="65" spans="42:42" ht="13" x14ac:dyDescent="0.55000000000000004">
      <c r="AP65" s="2"/>
    </row>
  </sheetData>
  <sheetProtection algorithmName="SHA-512" hashValue="N/Hbt149n/fU79GgJ6avVrO8Vc9+bcyn/jnVa+Kt7rS7DlXIQW1LtZUwvBcipncrGtQLxc5aNBSd8qNYx2hJQQ==" saltValue="dNHImQSnZU3SbjsPUZzbTw==" spinCount="100000" sheet="1" objects="1" scenarios="1"/>
  <mergeCells count="82">
    <mergeCell ref="B38:C42"/>
    <mergeCell ref="B34:E34"/>
    <mergeCell ref="J34:U34"/>
    <mergeCell ref="AA34:AM34"/>
    <mergeCell ref="B35:C36"/>
    <mergeCell ref="D35:J35"/>
    <mergeCell ref="K35:R35"/>
    <mergeCell ref="S35:Y35"/>
    <mergeCell ref="Z35:AF35"/>
    <mergeCell ref="AG35:AM35"/>
    <mergeCell ref="D36:H36"/>
    <mergeCell ref="I36:U36"/>
    <mergeCell ref="V36:Y36"/>
    <mergeCell ref="Z36:AM36"/>
    <mergeCell ref="B30:C32"/>
    <mergeCell ref="G30:AC30"/>
    <mergeCell ref="AD30:AM30"/>
    <mergeCell ref="J31:U31"/>
    <mergeCell ref="Y31:AM31"/>
    <mergeCell ref="H32:AM32"/>
    <mergeCell ref="H26:AM26"/>
    <mergeCell ref="B27:C29"/>
    <mergeCell ref="G27:AC27"/>
    <mergeCell ref="AD27:AM27"/>
    <mergeCell ref="J28:U28"/>
    <mergeCell ref="Y28:AM28"/>
    <mergeCell ref="H29:AM29"/>
    <mergeCell ref="B24:C26"/>
    <mergeCell ref="G24:AC24"/>
    <mergeCell ref="AD24:AM24"/>
    <mergeCell ref="J25:U25"/>
    <mergeCell ref="Y25:AM25"/>
    <mergeCell ref="T20:AM20"/>
    <mergeCell ref="V16:Z16"/>
    <mergeCell ref="AE16:AH16"/>
    <mergeCell ref="AI16:AM16"/>
    <mergeCell ref="L18:AM18"/>
    <mergeCell ref="K19:X19"/>
    <mergeCell ref="AC19:AM19"/>
    <mergeCell ref="Z1:AD1"/>
    <mergeCell ref="AF1:AH1"/>
    <mergeCell ref="AJ1:AL1"/>
    <mergeCell ref="P3:Q8"/>
    <mergeCell ref="U3:AM3"/>
    <mergeCell ref="U4:AM4"/>
    <mergeCell ref="U5:AM5"/>
    <mergeCell ref="X6:AM6"/>
    <mergeCell ref="X7:AM7"/>
    <mergeCell ref="T8:AB8"/>
    <mergeCell ref="AE8:AM8"/>
    <mergeCell ref="B58:AM63"/>
    <mergeCell ref="D38:AM42"/>
    <mergeCell ref="AG13:AM13"/>
    <mergeCell ref="B12:F12"/>
    <mergeCell ref="G12:I12"/>
    <mergeCell ref="K12:L12"/>
    <mergeCell ref="N12:O12"/>
    <mergeCell ref="U12:AA12"/>
    <mergeCell ref="B13:F13"/>
    <mergeCell ref="G13:K13"/>
    <mergeCell ref="L13:R13"/>
    <mergeCell ref="S13:Y13"/>
    <mergeCell ref="Z13:AF13"/>
    <mergeCell ref="B15:C22"/>
    <mergeCell ref="D15:E15"/>
    <mergeCell ref="F15:H15"/>
    <mergeCell ref="J54:AL54"/>
    <mergeCell ref="J55:AL55"/>
    <mergeCell ref="J56:AL56"/>
    <mergeCell ref="AB12:AM12"/>
    <mergeCell ref="B43:C57"/>
    <mergeCell ref="I15:O15"/>
    <mergeCell ref="Q15:R15"/>
    <mergeCell ref="K20:Q20"/>
    <mergeCell ref="F21:H21"/>
    <mergeCell ref="K21:M21"/>
    <mergeCell ref="R21:U21"/>
    <mergeCell ref="T15:U15"/>
    <mergeCell ref="D16:E22"/>
    <mergeCell ref="F16:H20"/>
    <mergeCell ref="L16:M16"/>
    <mergeCell ref="O16:S16"/>
  </mergeCells>
  <phoneticPr fontId="2"/>
  <hyperlinks>
    <hyperlink ref="L52" r:id="rId1" xr:uid="{FDAA23A3-C9E2-483D-B0E3-D6A6DE4A383E}"/>
  </hyperlinks>
  <pageMargins left="0.7" right="0.7" top="0.75" bottom="0.75" header="0.3" footer="0.3"/>
  <drawing r:id="rId2"/>
  <legacyDrawing r:id="rId3"/>
  <controls>
    <mc:AlternateContent xmlns:mc="http://schemas.openxmlformats.org/markup-compatibility/2006">
      <mc:Choice Requires="x14">
        <control shapeId="2074" r:id="rId4" name="OptionButton1">
          <controlPr defaultSize="0" autoLine="0" r:id="rId5">
            <anchor moveWithCells="1" sizeWithCells="1">
              <from>
                <xdr:col>4</xdr:col>
                <xdr:colOff>44450</xdr:colOff>
                <xdr:row>47</xdr:row>
                <xdr:rowOff>0</xdr:rowOff>
              </from>
              <to>
                <xdr:col>16</xdr:col>
                <xdr:colOff>127000</xdr:colOff>
                <xdr:row>47</xdr:row>
                <xdr:rowOff>304800</xdr:rowOff>
              </to>
            </anchor>
          </controlPr>
        </control>
      </mc:Choice>
      <mc:Fallback>
        <control shapeId="2074" r:id="rId4" name="OptionButton1"/>
      </mc:Fallback>
    </mc:AlternateContent>
    <mc:AlternateContent xmlns:mc="http://schemas.openxmlformats.org/markup-compatibility/2006">
      <mc:Choice Requires="x14">
        <control shapeId="2075" r:id="rId6" name="OptionButton2">
          <controlPr defaultSize="0" autoLine="0" linkedCell="BN1" r:id="rId7">
            <anchor moveWithCells="1" sizeWithCells="1">
              <from>
                <xdr:col>16</xdr:col>
                <xdr:colOff>152400</xdr:colOff>
                <xdr:row>47</xdr:row>
                <xdr:rowOff>0</xdr:rowOff>
              </from>
              <to>
                <xdr:col>22</xdr:col>
                <xdr:colOff>44450</xdr:colOff>
                <xdr:row>48</xdr:row>
                <xdr:rowOff>0</xdr:rowOff>
              </to>
            </anchor>
          </controlPr>
        </control>
      </mc:Choice>
      <mc:Fallback>
        <control shapeId="2075" r:id="rId6" name="OptionButton2"/>
      </mc:Fallback>
    </mc:AlternateContent>
    <mc:AlternateContent xmlns:mc="http://schemas.openxmlformats.org/markup-compatibility/2006">
      <mc:Choice Requires="x14">
        <control shapeId="2076" r:id="rId8" name="CheckBox1">
          <controlPr defaultSize="0" autoLine="0" r:id="rId9">
            <anchor moveWithCells="1" sizeWithCells="1">
              <from>
                <xdr:col>4</xdr:col>
                <xdr:colOff>19050</xdr:colOff>
                <xdr:row>44</xdr:row>
                <xdr:rowOff>31750</xdr:rowOff>
              </from>
              <to>
                <xdr:col>30</xdr:col>
                <xdr:colOff>31750</xdr:colOff>
                <xdr:row>44</xdr:row>
                <xdr:rowOff>304800</xdr:rowOff>
              </to>
            </anchor>
          </controlPr>
        </control>
      </mc:Choice>
      <mc:Fallback>
        <control shapeId="2076" r:id="rId8" name="CheckBox1"/>
      </mc:Fallback>
    </mc:AlternateContent>
    <mc:AlternateContent xmlns:mc="http://schemas.openxmlformats.org/markup-compatibility/2006">
      <mc:Choice Requires="x14">
        <control shapeId="2049" r:id="rId10" name="Option Button 1">
          <controlPr defaultSize="0" autoFill="0" autoLine="0" autoPict="0">
            <anchor moveWithCells="1">
              <from>
                <xdr:col>6</xdr:col>
                <xdr:colOff>133350</xdr:colOff>
                <xdr:row>12</xdr:row>
                <xdr:rowOff>0</xdr:rowOff>
              </from>
              <to>
                <xdr:col>10</xdr:col>
                <xdr:colOff>133350</xdr:colOff>
                <xdr:row>13</xdr:row>
                <xdr:rowOff>0</xdr:rowOff>
              </to>
            </anchor>
          </controlPr>
        </control>
      </mc:Choice>
    </mc:AlternateContent>
    <mc:AlternateContent xmlns:mc="http://schemas.openxmlformats.org/markup-compatibility/2006">
      <mc:Choice Requires="x14">
        <control shapeId="2050" r:id="rId11" name="Option Button 2">
          <controlPr defaultSize="0" autoFill="0" autoLine="0" autoPict="0">
            <anchor moveWithCells="1">
              <from>
                <xdr:col>11</xdr:col>
                <xdr:colOff>114300</xdr:colOff>
                <xdr:row>12</xdr:row>
                <xdr:rowOff>0</xdr:rowOff>
              </from>
              <to>
                <xdr:col>17</xdr:col>
                <xdr:colOff>88900</xdr:colOff>
                <xdr:row>13</xdr:row>
                <xdr:rowOff>0</xdr:rowOff>
              </to>
            </anchor>
          </controlPr>
        </control>
      </mc:Choice>
    </mc:AlternateContent>
    <mc:AlternateContent xmlns:mc="http://schemas.openxmlformats.org/markup-compatibility/2006">
      <mc:Choice Requires="x14">
        <control shapeId="2051" r:id="rId12" name="Option Button 3">
          <controlPr defaultSize="0" autoFill="0" autoLine="0" autoPict="0">
            <anchor moveWithCells="1">
              <from>
                <xdr:col>18</xdr:col>
                <xdr:colOff>95250</xdr:colOff>
                <xdr:row>12</xdr:row>
                <xdr:rowOff>0</xdr:rowOff>
              </from>
              <to>
                <xdr:col>24</xdr:col>
                <xdr:colOff>107950</xdr:colOff>
                <xdr:row>13</xdr:row>
                <xdr:rowOff>0</xdr:rowOff>
              </to>
            </anchor>
          </controlPr>
        </control>
      </mc:Choice>
    </mc:AlternateContent>
    <mc:AlternateContent xmlns:mc="http://schemas.openxmlformats.org/markup-compatibility/2006">
      <mc:Choice Requires="x14">
        <control shapeId="2052" r:id="rId13" name="Option Button 4">
          <controlPr defaultSize="0" autoFill="0" autoLine="0" autoPict="0">
            <anchor moveWithCells="1">
              <from>
                <xdr:col>25</xdr:col>
                <xdr:colOff>69850</xdr:colOff>
                <xdr:row>12</xdr:row>
                <xdr:rowOff>0</xdr:rowOff>
              </from>
              <to>
                <xdr:col>31</xdr:col>
                <xdr:colOff>107950</xdr:colOff>
                <xdr:row>13</xdr:row>
                <xdr:rowOff>0</xdr:rowOff>
              </to>
            </anchor>
          </controlPr>
        </control>
      </mc:Choice>
    </mc:AlternateContent>
    <mc:AlternateContent xmlns:mc="http://schemas.openxmlformats.org/markup-compatibility/2006">
      <mc:Choice Requires="x14">
        <control shapeId="2053" r:id="rId14" name="Option Button 5">
          <controlPr defaultSize="0" autoFill="0" autoLine="0" autoPict="0">
            <anchor moveWithCells="1">
              <from>
                <xdr:col>32</xdr:col>
                <xdr:colOff>146050</xdr:colOff>
                <xdr:row>12</xdr:row>
                <xdr:rowOff>12700</xdr:rowOff>
              </from>
              <to>
                <xdr:col>38</xdr:col>
                <xdr:colOff>190500</xdr:colOff>
                <xdr:row>13</xdr:row>
                <xdr:rowOff>12700</xdr:rowOff>
              </to>
            </anchor>
          </controlPr>
        </control>
      </mc:Choice>
    </mc:AlternateContent>
    <mc:AlternateContent xmlns:mc="http://schemas.openxmlformats.org/markup-compatibility/2006">
      <mc:Choice Requires="x14">
        <control shapeId="2054" r:id="rId15" name="Option Button 6">
          <controlPr defaultSize="0" autoFill="0" autoLine="0" autoPict="0">
            <anchor moveWithCells="1">
              <from>
                <xdr:col>20</xdr:col>
                <xdr:colOff>0</xdr:colOff>
                <xdr:row>9</xdr:row>
                <xdr:rowOff>12700</xdr:rowOff>
              </from>
              <to>
                <xdr:col>24</xdr:col>
                <xdr:colOff>0</xdr:colOff>
                <xdr:row>11</xdr:row>
                <xdr:rowOff>0</xdr:rowOff>
              </to>
            </anchor>
          </controlPr>
        </control>
      </mc:Choice>
    </mc:AlternateContent>
    <mc:AlternateContent xmlns:mc="http://schemas.openxmlformats.org/markup-compatibility/2006">
      <mc:Choice Requires="x14">
        <control shapeId="2055" r:id="rId16" name="Option Button 7">
          <controlPr defaultSize="0" autoFill="0" autoLine="0" autoPict="0">
            <anchor moveWithCells="1">
              <from>
                <xdr:col>21</xdr:col>
                <xdr:colOff>184150</xdr:colOff>
                <xdr:row>9</xdr:row>
                <xdr:rowOff>12700</xdr:rowOff>
              </from>
              <to>
                <xdr:col>25</xdr:col>
                <xdr:colOff>184150</xdr:colOff>
                <xdr:row>11</xdr:row>
                <xdr:rowOff>0</xdr:rowOff>
              </to>
            </anchor>
          </controlPr>
        </control>
      </mc:Choice>
    </mc:AlternateContent>
    <mc:AlternateContent xmlns:mc="http://schemas.openxmlformats.org/markup-compatibility/2006">
      <mc:Choice Requires="x14">
        <control shapeId="2056" r:id="rId17" name="Group Box 8">
          <controlPr defaultSize="0" print="0" autoFill="0" autoPict="0" altText="グループ19_x000a_">
            <anchor moveWithCells="1">
              <from>
                <xdr:col>16</xdr:col>
                <xdr:colOff>114300</xdr:colOff>
                <xdr:row>7</xdr:row>
                <xdr:rowOff>590550</xdr:rowOff>
              </from>
              <to>
                <xdr:col>28</xdr:col>
                <xdr:colOff>76200</xdr:colOff>
                <xdr:row>9</xdr:row>
                <xdr:rowOff>107950</xdr:rowOff>
              </to>
            </anchor>
          </controlPr>
        </control>
      </mc:Choice>
    </mc:AlternateContent>
    <mc:AlternateContent xmlns:mc="http://schemas.openxmlformats.org/markup-compatibility/2006">
      <mc:Choice Requires="x14">
        <control shapeId="2057" r:id="rId18" name="Group Box 9">
          <controlPr defaultSize="0" autoFill="0" autoPict="0">
            <anchor moveWithCells="1">
              <from>
                <xdr:col>5</xdr:col>
                <xdr:colOff>31750</xdr:colOff>
                <xdr:row>11</xdr:row>
                <xdr:rowOff>203200</xdr:rowOff>
              </from>
              <to>
                <xdr:col>40</xdr:col>
                <xdr:colOff>12700</xdr:colOff>
                <xdr:row>13</xdr:row>
                <xdr:rowOff>127000</xdr:rowOff>
              </to>
            </anchor>
          </controlPr>
        </control>
      </mc:Choice>
    </mc:AlternateContent>
    <mc:AlternateContent xmlns:mc="http://schemas.openxmlformats.org/markup-compatibility/2006">
      <mc:Choice Requires="x14">
        <control shapeId="2058" r:id="rId19" name="Check Box 10">
          <controlPr defaultSize="0" autoFill="0" autoLine="0" autoPict="0">
            <anchor moveWithCells="1">
              <from>
                <xdr:col>3</xdr:col>
                <xdr:colOff>31750</xdr:colOff>
                <xdr:row>33</xdr:row>
                <xdr:rowOff>285750</xdr:rowOff>
              </from>
              <to>
                <xdr:col>8</xdr:col>
                <xdr:colOff>152400</xdr:colOff>
                <xdr:row>35</xdr:row>
                <xdr:rowOff>0</xdr:rowOff>
              </to>
            </anchor>
          </controlPr>
        </control>
      </mc:Choice>
    </mc:AlternateContent>
    <mc:AlternateContent xmlns:mc="http://schemas.openxmlformats.org/markup-compatibility/2006">
      <mc:Choice Requires="x14">
        <control shapeId="2059" r:id="rId20" name="Check Box 11">
          <controlPr defaultSize="0" autoFill="0" autoLine="0" autoPict="0">
            <anchor moveWithCells="1">
              <from>
                <xdr:col>11</xdr:col>
                <xdr:colOff>127000</xdr:colOff>
                <xdr:row>33</xdr:row>
                <xdr:rowOff>285750</xdr:rowOff>
              </from>
              <to>
                <xdr:col>15</xdr:col>
                <xdr:colOff>12700</xdr:colOff>
                <xdr:row>35</xdr:row>
                <xdr:rowOff>0</xdr:rowOff>
              </to>
            </anchor>
          </controlPr>
        </control>
      </mc:Choice>
    </mc:AlternateContent>
    <mc:AlternateContent xmlns:mc="http://schemas.openxmlformats.org/markup-compatibility/2006">
      <mc:Choice Requires="x14">
        <control shapeId="2060" r:id="rId21" name="Check Box 12">
          <controlPr defaultSize="0" autoFill="0" autoLine="0" autoPict="0">
            <anchor moveWithCells="1">
              <from>
                <xdr:col>19</xdr:col>
                <xdr:colOff>57150</xdr:colOff>
                <xdr:row>34</xdr:row>
                <xdr:rowOff>0</xdr:rowOff>
              </from>
              <to>
                <xdr:col>22</xdr:col>
                <xdr:colOff>146050</xdr:colOff>
                <xdr:row>35</xdr:row>
                <xdr:rowOff>0</xdr:rowOff>
              </to>
            </anchor>
          </controlPr>
        </control>
      </mc:Choice>
    </mc:AlternateContent>
    <mc:AlternateContent xmlns:mc="http://schemas.openxmlformats.org/markup-compatibility/2006">
      <mc:Choice Requires="x14">
        <control shapeId="2061" r:id="rId22" name="Check Box 13">
          <controlPr defaultSize="0" autoFill="0" autoLine="0" autoPict="0">
            <anchor moveWithCells="1">
              <from>
                <xdr:col>26</xdr:col>
                <xdr:colOff>57150</xdr:colOff>
                <xdr:row>34</xdr:row>
                <xdr:rowOff>0</xdr:rowOff>
              </from>
              <to>
                <xdr:col>29</xdr:col>
                <xdr:colOff>146050</xdr:colOff>
                <xdr:row>35</xdr:row>
                <xdr:rowOff>0</xdr:rowOff>
              </to>
            </anchor>
          </controlPr>
        </control>
      </mc:Choice>
    </mc:AlternateContent>
    <mc:AlternateContent xmlns:mc="http://schemas.openxmlformats.org/markup-compatibility/2006">
      <mc:Choice Requires="x14">
        <control shapeId="2062" r:id="rId23" name="Check Box 14">
          <controlPr defaultSize="0" autoFill="0" autoLine="0" autoPict="0">
            <anchor moveWithCells="1">
              <from>
                <xdr:col>34</xdr:col>
                <xdr:colOff>0</xdr:colOff>
                <xdr:row>34</xdr:row>
                <xdr:rowOff>0</xdr:rowOff>
              </from>
              <to>
                <xdr:col>37</xdr:col>
                <xdr:colOff>88900</xdr:colOff>
                <xdr:row>35</xdr:row>
                <xdr:rowOff>0</xdr:rowOff>
              </to>
            </anchor>
          </controlPr>
        </control>
      </mc:Choice>
    </mc:AlternateContent>
    <mc:AlternateContent xmlns:mc="http://schemas.openxmlformats.org/markup-compatibility/2006">
      <mc:Choice Requires="x14">
        <control shapeId="2063" r:id="rId24" name="Check Box 15">
          <controlPr defaultSize="0" autoFill="0" autoLine="0" autoPict="0">
            <anchor moveWithCells="1">
              <from>
                <xdr:col>3</xdr:col>
                <xdr:colOff>38100</xdr:colOff>
                <xdr:row>34</xdr:row>
                <xdr:rowOff>228600</xdr:rowOff>
              </from>
              <to>
                <xdr:col>9</xdr:col>
                <xdr:colOff>57150</xdr:colOff>
                <xdr:row>35</xdr:row>
                <xdr:rowOff>228600</xdr:rowOff>
              </to>
            </anchor>
          </controlPr>
        </control>
      </mc:Choice>
    </mc:AlternateContent>
    <mc:AlternateContent xmlns:mc="http://schemas.openxmlformats.org/markup-compatibility/2006">
      <mc:Choice Requires="x14">
        <control shapeId="2064" r:id="rId25" name="Check Box 16">
          <controlPr defaultSize="0" autoFill="0" autoLine="0" autoPict="0">
            <anchor moveWithCells="1">
              <from>
                <xdr:col>21</xdr:col>
                <xdr:colOff>31750</xdr:colOff>
                <xdr:row>35</xdr:row>
                <xdr:rowOff>0</xdr:rowOff>
              </from>
              <to>
                <xdr:col>24</xdr:col>
                <xdr:colOff>114300</xdr:colOff>
                <xdr:row>36</xdr:row>
                <xdr:rowOff>0</xdr:rowOff>
              </to>
            </anchor>
          </controlPr>
        </control>
      </mc:Choice>
    </mc:AlternateContent>
    <mc:AlternateContent xmlns:mc="http://schemas.openxmlformats.org/markup-compatibility/2006">
      <mc:Choice Requires="x14">
        <control shapeId="2067" r:id="rId26" name="Group Box 19">
          <controlPr defaultSize="0" autoFill="0" autoPict="0">
            <anchor moveWithCells="1">
              <from>
                <xdr:col>3</xdr:col>
                <xdr:colOff>146050</xdr:colOff>
                <xdr:row>48</xdr:row>
                <xdr:rowOff>12700</xdr:rowOff>
              </from>
              <to>
                <xdr:col>38</xdr:col>
                <xdr:colOff>228600</xdr:colOff>
                <xdr:row>50</xdr:row>
                <xdr:rowOff>127000</xdr:rowOff>
              </to>
            </anchor>
          </controlPr>
        </control>
      </mc:Choice>
    </mc:AlternateContent>
    <mc:AlternateContent xmlns:mc="http://schemas.openxmlformats.org/markup-compatibility/2006">
      <mc:Choice Requires="x14">
        <control shapeId="2069" r:id="rId27" name="Group Box 21">
          <controlPr defaultSize="0" autoFill="0" autoPict="0">
            <anchor moveWithCells="1">
              <from>
                <xdr:col>2</xdr:col>
                <xdr:colOff>190500</xdr:colOff>
                <xdr:row>47</xdr:row>
                <xdr:rowOff>57150</xdr:rowOff>
              </from>
              <to>
                <xdr:col>41</xdr:col>
                <xdr:colOff>50800</xdr:colOff>
                <xdr:row>50</xdr:row>
                <xdr:rowOff>171450</xdr:rowOff>
              </to>
            </anchor>
          </controlPr>
        </control>
      </mc:Choice>
    </mc:AlternateContent>
    <mc:AlternateContent xmlns:mc="http://schemas.openxmlformats.org/markup-compatibility/2006">
      <mc:Choice Requires="x14">
        <control shapeId="2073" r:id="rId28" name="Group Boxデータ消去">
          <controlPr defaultSize="0" autoFill="0" autoPict="0">
            <anchor moveWithCells="1">
              <from>
                <xdr:col>3</xdr:col>
                <xdr:colOff>146050</xdr:colOff>
                <xdr:row>44</xdr:row>
                <xdr:rowOff>12700</xdr:rowOff>
              </from>
              <to>
                <xdr:col>38</xdr:col>
                <xdr:colOff>228600</xdr:colOff>
                <xdr:row>46</xdr:row>
                <xdr:rowOff>95250</xdr:rowOff>
              </to>
            </anchor>
          </controlPr>
        </control>
      </mc:Choice>
    </mc:AlternateContent>
  </control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P52"/>
  <sheetViews>
    <sheetView showGridLines="0" workbookViewId="0"/>
  </sheetViews>
  <sheetFormatPr defaultRowHeight="15" x14ac:dyDescent="0.35"/>
  <cols>
    <col min="1" max="1" width="5.25" style="59" customWidth="1"/>
    <col min="2" max="2" width="19.08203125" style="59" customWidth="1"/>
    <col min="3" max="3" width="17.25" style="59" customWidth="1"/>
    <col min="4" max="4" width="104.33203125" style="59" customWidth="1"/>
    <col min="5" max="5" width="14.25" style="59" customWidth="1"/>
    <col min="6" max="6" width="12.33203125" style="59" customWidth="1"/>
    <col min="7" max="7" width="11.83203125" style="59" customWidth="1"/>
    <col min="8" max="13" width="15.58203125" style="59" customWidth="1"/>
    <col min="14" max="14" width="9" style="59"/>
    <col min="15" max="15" width="14.75" style="59" customWidth="1"/>
    <col min="16" max="16" width="12" style="59" customWidth="1"/>
    <col min="17" max="17" width="1.83203125" style="59" customWidth="1"/>
    <col min="18" max="256" width="9" style="59"/>
    <col min="257" max="257" width="5.25" style="59" customWidth="1"/>
    <col min="258" max="258" width="16" style="59" customWidth="1"/>
    <col min="259" max="259" width="17.25" style="59" customWidth="1"/>
    <col min="260" max="260" width="104.33203125" style="59" customWidth="1"/>
    <col min="261" max="261" width="9" style="59"/>
    <col min="262" max="262" width="11.83203125" style="59" customWidth="1"/>
    <col min="263" max="512" width="9" style="59"/>
    <col min="513" max="513" width="5.25" style="59" customWidth="1"/>
    <col min="514" max="514" width="16" style="59" customWidth="1"/>
    <col min="515" max="515" width="17.25" style="59" customWidth="1"/>
    <col min="516" max="516" width="104.33203125" style="59" customWidth="1"/>
    <col min="517" max="517" width="9" style="59"/>
    <col min="518" max="518" width="11.83203125" style="59" customWidth="1"/>
    <col min="519" max="768" width="9" style="59"/>
    <col min="769" max="769" width="5.25" style="59" customWidth="1"/>
    <col min="770" max="770" width="16" style="59" customWidth="1"/>
    <col min="771" max="771" width="17.25" style="59" customWidth="1"/>
    <col min="772" max="772" width="104.33203125" style="59" customWidth="1"/>
    <col min="773" max="773" width="9" style="59"/>
    <col min="774" max="774" width="11.83203125" style="59" customWidth="1"/>
    <col min="775" max="1024" width="9" style="59"/>
    <col min="1025" max="1025" width="5.25" style="59" customWidth="1"/>
    <col min="1026" max="1026" width="16" style="59" customWidth="1"/>
    <col min="1027" max="1027" width="17.25" style="59" customWidth="1"/>
    <col min="1028" max="1028" width="104.33203125" style="59" customWidth="1"/>
    <col min="1029" max="1029" width="9" style="59"/>
    <col min="1030" max="1030" width="11.83203125" style="59" customWidth="1"/>
    <col min="1031" max="1280" width="9" style="59"/>
    <col min="1281" max="1281" width="5.25" style="59" customWidth="1"/>
    <col min="1282" max="1282" width="16" style="59" customWidth="1"/>
    <col min="1283" max="1283" width="17.25" style="59" customWidth="1"/>
    <col min="1284" max="1284" width="104.33203125" style="59" customWidth="1"/>
    <col min="1285" max="1285" width="9" style="59"/>
    <col min="1286" max="1286" width="11.83203125" style="59" customWidth="1"/>
    <col min="1287" max="1536" width="9" style="59"/>
    <col min="1537" max="1537" width="5.25" style="59" customWidth="1"/>
    <col min="1538" max="1538" width="16" style="59" customWidth="1"/>
    <col min="1539" max="1539" width="17.25" style="59" customWidth="1"/>
    <col min="1540" max="1540" width="104.33203125" style="59" customWidth="1"/>
    <col min="1541" max="1541" width="9" style="59"/>
    <col min="1542" max="1542" width="11.83203125" style="59" customWidth="1"/>
    <col min="1543" max="1792" width="9" style="59"/>
    <col min="1793" max="1793" width="5.25" style="59" customWidth="1"/>
    <col min="1794" max="1794" width="16" style="59" customWidth="1"/>
    <col min="1795" max="1795" width="17.25" style="59" customWidth="1"/>
    <col min="1796" max="1796" width="104.33203125" style="59" customWidth="1"/>
    <col min="1797" max="1797" width="9" style="59"/>
    <col min="1798" max="1798" width="11.83203125" style="59" customWidth="1"/>
    <col min="1799" max="2048" width="9" style="59"/>
    <col min="2049" max="2049" width="5.25" style="59" customWidth="1"/>
    <col min="2050" max="2050" width="16" style="59" customWidth="1"/>
    <col min="2051" max="2051" width="17.25" style="59" customWidth="1"/>
    <col min="2052" max="2052" width="104.33203125" style="59" customWidth="1"/>
    <col min="2053" max="2053" width="9" style="59"/>
    <col min="2054" max="2054" width="11.83203125" style="59" customWidth="1"/>
    <col min="2055" max="2304" width="9" style="59"/>
    <col min="2305" max="2305" width="5.25" style="59" customWidth="1"/>
    <col min="2306" max="2306" width="16" style="59" customWidth="1"/>
    <col min="2307" max="2307" width="17.25" style="59" customWidth="1"/>
    <col min="2308" max="2308" width="104.33203125" style="59" customWidth="1"/>
    <col min="2309" max="2309" width="9" style="59"/>
    <col min="2310" max="2310" width="11.83203125" style="59" customWidth="1"/>
    <col min="2311" max="2560" width="9" style="59"/>
    <col min="2561" max="2561" width="5.25" style="59" customWidth="1"/>
    <col min="2562" max="2562" width="16" style="59" customWidth="1"/>
    <col min="2563" max="2563" width="17.25" style="59" customWidth="1"/>
    <col min="2564" max="2564" width="104.33203125" style="59" customWidth="1"/>
    <col min="2565" max="2565" width="9" style="59"/>
    <col min="2566" max="2566" width="11.83203125" style="59" customWidth="1"/>
    <col min="2567" max="2816" width="9" style="59"/>
    <col min="2817" max="2817" width="5.25" style="59" customWidth="1"/>
    <col min="2818" max="2818" width="16" style="59" customWidth="1"/>
    <col min="2819" max="2819" width="17.25" style="59" customWidth="1"/>
    <col min="2820" max="2820" width="104.33203125" style="59" customWidth="1"/>
    <col min="2821" max="2821" width="9" style="59"/>
    <col min="2822" max="2822" width="11.83203125" style="59" customWidth="1"/>
    <col min="2823" max="3072" width="9" style="59"/>
    <col min="3073" max="3073" width="5.25" style="59" customWidth="1"/>
    <col min="3074" max="3074" width="16" style="59" customWidth="1"/>
    <col min="3075" max="3075" width="17.25" style="59" customWidth="1"/>
    <col min="3076" max="3076" width="104.33203125" style="59" customWidth="1"/>
    <col min="3077" max="3077" width="9" style="59"/>
    <col min="3078" max="3078" width="11.83203125" style="59" customWidth="1"/>
    <col min="3079" max="3328" width="9" style="59"/>
    <col min="3329" max="3329" width="5.25" style="59" customWidth="1"/>
    <col min="3330" max="3330" width="16" style="59" customWidth="1"/>
    <col min="3331" max="3331" width="17.25" style="59" customWidth="1"/>
    <col min="3332" max="3332" width="104.33203125" style="59" customWidth="1"/>
    <col min="3333" max="3333" width="9" style="59"/>
    <col min="3334" max="3334" width="11.83203125" style="59" customWidth="1"/>
    <col min="3335" max="3584" width="9" style="59"/>
    <col min="3585" max="3585" width="5.25" style="59" customWidth="1"/>
    <col min="3586" max="3586" width="16" style="59" customWidth="1"/>
    <col min="3587" max="3587" width="17.25" style="59" customWidth="1"/>
    <col min="3588" max="3588" width="104.33203125" style="59" customWidth="1"/>
    <col min="3589" max="3589" width="9" style="59"/>
    <col min="3590" max="3590" width="11.83203125" style="59" customWidth="1"/>
    <col min="3591" max="3840" width="9" style="59"/>
    <col min="3841" max="3841" width="5.25" style="59" customWidth="1"/>
    <col min="3842" max="3842" width="16" style="59" customWidth="1"/>
    <col min="3843" max="3843" width="17.25" style="59" customWidth="1"/>
    <col min="3844" max="3844" width="104.33203125" style="59" customWidth="1"/>
    <col min="3845" max="3845" width="9" style="59"/>
    <col min="3846" max="3846" width="11.83203125" style="59" customWidth="1"/>
    <col min="3847" max="4096" width="9" style="59"/>
    <col min="4097" max="4097" width="5.25" style="59" customWidth="1"/>
    <col min="4098" max="4098" width="16" style="59" customWidth="1"/>
    <col min="4099" max="4099" width="17.25" style="59" customWidth="1"/>
    <col min="4100" max="4100" width="104.33203125" style="59" customWidth="1"/>
    <col min="4101" max="4101" width="9" style="59"/>
    <col min="4102" max="4102" width="11.83203125" style="59" customWidth="1"/>
    <col min="4103" max="4352" width="9" style="59"/>
    <col min="4353" max="4353" width="5.25" style="59" customWidth="1"/>
    <col min="4354" max="4354" width="16" style="59" customWidth="1"/>
    <col min="4355" max="4355" width="17.25" style="59" customWidth="1"/>
    <col min="4356" max="4356" width="104.33203125" style="59" customWidth="1"/>
    <col min="4357" max="4357" width="9" style="59"/>
    <col min="4358" max="4358" width="11.83203125" style="59" customWidth="1"/>
    <col min="4359" max="4608" width="9" style="59"/>
    <col min="4609" max="4609" width="5.25" style="59" customWidth="1"/>
    <col min="4610" max="4610" width="16" style="59" customWidth="1"/>
    <col min="4611" max="4611" width="17.25" style="59" customWidth="1"/>
    <col min="4612" max="4612" width="104.33203125" style="59" customWidth="1"/>
    <col min="4613" max="4613" width="9" style="59"/>
    <col min="4614" max="4614" width="11.83203125" style="59" customWidth="1"/>
    <col min="4615" max="4864" width="9" style="59"/>
    <col min="4865" max="4865" width="5.25" style="59" customWidth="1"/>
    <col min="4866" max="4866" width="16" style="59" customWidth="1"/>
    <col min="4867" max="4867" width="17.25" style="59" customWidth="1"/>
    <col min="4868" max="4868" width="104.33203125" style="59" customWidth="1"/>
    <col min="4869" max="4869" width="9" style="59"/>
    <col min="4870" max="4870" width="11.83203125" style="59" customWidth="1"/>
    <col min="4871" max="5120" width="9" style="59"/>
    <col min="5121" max="5121" width="5.25" style="59" customWidth="1"/>
    <col min="5122" max="5122" width="16" style="59" customWidth="1"/>
    <col min="5123" max="5123" width="17.25" style="59" customWidth="1"/>
    <col min="5124" max="5124" width="104.33203125" style="59" customWidth="1"/>
    <col min="5125" max="5125" width="9" style="59"/>
    <col min="5126" max="5126" width="11.83203125" style="59" customWidth="1"/>
    <col min="5127" max="5376" width="9" style="59"/>
    <col min="5377" max="5377" width="5.25" style="59" customWidth="1"/>
    <col min="5378" max="5378" width="16" style="59" customWidth="1"/>
    <col min="5379" max="5379" width="17.25" style="59" customWidth="1"/>
    <col min="5380" max="5380" width="104.33203125" style="59" customWidth="1"/>
    <col min="5381" max="5381" width="9" style="59"/>
    <col min="5382" max="5382" width="11.83203125" style="59" customWidth="1"/>
    <col min="5383" max="5632" width="9" style="59"/>
    <col min="5633" max="5633" width="5.25" style="59" customWidth="1"/>
    <col min="5634" max="5634" width="16" style="59" customWidth="1"/>
    <col min="5635" max="5635" width="17.25" style="59" customWidth="1"/>
    <col min="5636" max="5636" width="104.33203125" style="59" customWidth="1"/>
    <col min="5637" max="5637" width="9" style="59"/>
    <col min="5638" max="5638" width="11.83203125" style="59" customWidth="1"/>
    <col min="5639" max="5888" width="9" style="59"/>
    <col min="5889" max="5889" width="5.25" style="59" customWidth="1"/>
    <col min="5890" max="5890" width="16" style="59" customWidth="1"/>
    <col min="5891" max="5891" width="17.25" style="59" customWidth="1"/>
    <col min="5892" max="5892" width="104.33203125" style="59" customWidth="1"/>
    <col min="5893" max="5893" width="9" style="59"/>
    <col min="5894" max="5894" width="11.83203125" style="59" customWidth="1"/>
    <col min="5895" max="6144" width="9" style="59"/>
    <col min="6145" max="6145" width="5.25" style="59" customWidth="1"/>
    <col min="6146" max="6146" width="16" style="59" customWidth="1"/>
    <col min="6147" max="6147" width="17.25" style="59" customWidth="1"/>
    <col min="6148" max="6148" width="104.33203125" style="59" customWidth="1"/>
    <col min="6149" max="6149" width="9" style="59"/>
    <col min="6150" max="6150" width="11.83203125" style="59" customWidth="1"/>
    <col min="6151" max="6400" width="9" style="59"/>
    <col min="6401" max="6401" width="5.25" style="59" customWidth="1"/>
    <col min="6402" max="6402" width="16" style="59" customWidth="1"/>
    <col min="6403" max="6403" width="17.25" style="59" customWidth="1"/>
    <col min="6404" max="6404" width="104.33203125" style="59" customWidth="1"/>
    <col min="6405" max="6405" width="9" style="59"/>
    <col min="6406" max="6406" width="11.83203125" style="59" customWidth="1"/>
    <col min="6407" max="6656" width="9" style="59"/>
    <col min="6657" max="6657" width="5.25" style="59" customWidth="1"/>
    <col min="6658" max="6658" width="16" style="59" customWidth="1"/>
    <col min="6659" max="6659" width="17.25" style="59" customWidth="1"/>
    <col min="6660" max="6660" width="104.33203125" style="59" customWidth="1"/>
    <col min="6661" max="6661" width="9" style="59"/>
    <col min="6662" max="6662" width="11.83203125" style="59" customWidth="1"/>
    <col min="6663" max="6912" width="9" style="59"/>
    <col min="6913" max="6913" width="5.25" style="59" customWidth="1"/>
    <col min="6914" max="6914" width="16" style="59" customWidth="1"/>
    <col min="6915" max="6915" width="17.25" style="59" customWidth="1"/>
    <col min="6916" max="6916" width="104.33203125" style="59" customWidth="1"/>
    <col min="6917" max="6917" width="9" style="59"/>
    <col min="6918" max="6918" width="11.83203125" style="59" customWidth="1"/>
    <col min="6919" max="7168" width="9" style="59"/>
    <col min="7169" max="7169" width="5.25" style="59" customWidth="1"/>
    <col min="7170" max="7170" width="16" style="59" customWidth="1"/>
    <col min="7171" max="7171" width="17.25" style="59" customWidth="1"/>
    <col min="7172" max="7172" width="104.33203125" style="59" customWidth="1"/>
    <col min="7173" max="7173" width="9" style="59"/>
    <col min="7174" max="7174" width="11.83203125" style="59" customWidth="1"/>
    <col min="7175" max="7424" width="9" style="59"/>
    <col min="7425" max="7425" width="5.25" style="59" customWidth="1"/>
    <col min="7426" max="7426" width="16" style="59" customWidth="1"/>
    <col min="7427" max="7427" width="17.25" style="59" customWidth="1"/>
    <col min="7428" max="7428" width="104.33203125" style="59" customWidth="1"/>
    <col min="7429" max="7429" width="9" style="59"/>
    <col min="7430" max="7430" width="11.83203125" style="59" customWidth="1"/>
    <col min="7431" max="7680" width="9" style="59"/>
    <col min="7681" max="7681" width="5.25" style="59" customWidth="1"/>
    <col min="7682" max="7682" width="16" style="59" customWidth="1"/>
    <col min="7683" max="7683" width="17.25" style="59" customWidth="1"/>
    <col min="7684" max="7684" width="104.33203125" style="59" customWidth="1"/>
    <col min="7685" max="7685" width="9" style="59"/>
    <col min="7686" max="7686" width="11.83203125" style="59" customWidth="1"/>
    <col min="7687" max="7936" width="9" style="59"/>
    <col min="7937" max="7937" width="5.25" style="59" customWidth="1"/>
    <col min="7938" max="7938" width="16" style="59" customWidth="1"/>
    <col min="7939" max="7939" width="17.25" style="59" customWidth="1"/>
    <col min="7940" max="7940" width="104.33203125" style="59" customWidth="1"/>
    <col min="7941" max="7941" width="9" style="59"/>
    <col min="7942" max="7942" width="11.83203125" style="59" customWidth="1"/>
    <col min="7943" max="8192" width="9" style="59"/>
    <col min="8193" max="8193" width="5.25" style="59" customWidth="1"/>
    <col min="8194" max="8194" width="16" style="59" customWidth="1"/>
    <col min="8195" max="8195" width="17.25" style="59" customWidth="1"/>
    <col min="8196" max="8196" width="104.33203125" style="59" customWidth="1"/>
    <col min="8197" max="8197" width="9" style="59"/>
    <col min="8198" max="8198" width="11.83203125" style="59" customWidth="1"/>
    <col min="8199" max="8448" width="9" style="59"/>
    <col min="8449" max="8449" width="5.25" style="59" customWidth="1"/>
    <col min="8450" max="8450" width="16" style="59" customWidth="1"/>
    <col min="8451" max="8451" width="17.25" style="59" customWidth="1"/>
    <col min="8452" max="8452" width="104.33203125" style="59" customWidth="1"/>
    <col min="8453" max="8453" width="9" style="59"/>
    <col min="8454" max="8454" width="11.83203125" style="59" customWidth="1"/>
    <col min="8455" max="8704" width="9" style="59"/>
    <col min="8705" max="8705" width="5.25" style="59" customWidth="1"/>
    <col min="8706" max="8706" width="16" style="59" customWidth="1"/>
    <col min="8707" max="8707" width="17.25" style="59" customWidth="1"/>
    <col min="8708" max="8708" width="104.33203125" style="59" customWidth="1"/>
    <col min="8709" max="8709" width="9" style="59"/>
    <col min="8710" max="8710" width="11.83203125" style="59" customWidth="1"/>
    <col min="8711" max="8960" width="9" style="59"/>
    <col min="8961" max="8961" width="5.25" style="59" customWidth="1"/>
    <col min="8962" max="8962" width="16" style="59" customWidth="1"/>
    <col min="8963" max="8963" width="17.25" style="59" customWidth="1"/>
    <col min="8964" max="8964" width="104.33203125" style="59" customWidth="1"/>
    <col min="8965" max="8965" width="9" style="59"/>
    <col min="8966" max="8966" width="11.83203125" style="59" customWidth="1"/>
    <col min="8967" max="9216" width="9" style="59"/>
    <col min="9217" max="9217" width="5.25" style="59" customWidth="1"/>
    <col min="9218" max="9218" width="16" style="59" customWidth="1"/>
    <col min="9219" max="9219" width="17.25" style="59" customWidth="1"/>
    <col min="9220" max="9220" width="104.33203125" style="59" customWidth="1"/>
    <col min="9221" max="9221" width="9" style="59"/>
    <col min="9222" max="9222" width="11.83203125" style="59" customWidth="1"/>
    <col min="9223" max="9472" width="9" style="59"/>
    <col min="9473" max="9473" width="5.25" style="59" customWidth="1"/>
    <col min="9474" max="9474" width="16" style="59" customWidth="1"/>
    <col min="9475" max="9475" width="17.25" style="59" customWidth="1"/>
    <col min="9476" max="9476" width="104.33203125" style="59" customWidth="1"/>
    <col min="9477" max="9477" width="9" style="59"/>
    <col min="9478" max="9478" width="11.83203125" style="59" customWidth="1"/>
    <col min="9479" max="9728" width="9" style="59"/>
    <col min="9729" max="9729" width="5.25" style="59" customWidth="1"/>
    <col min="9730" max="9730" width="16" style="59" customWidth="1"/>
    <col min="9731" max="9731" width="17.25" style="59" customWidth="1"/>
    <col min="9732" max="9732" width="104.33203125" style="59" customWidth="1"/>
    <col min="9733" max="9733" width="9" style="59"/>
    <col min="9734" max="9734" width="11.83203125" style="59" customWidth="1"/>
    <col min="9735" max="9984" width="9" style="59"/>
    <col min="9985" max="9985" width="5.25" style="59" customWidth="1"/>
    <col min="9986" max="9986" width="16" style="59" customWidth="1"/>
    <col min="9987" max="9987" width="17.25" style="59" customWidth="1"/>
    <col min="9988" max="9988" width="104.33203125" style="59" customWidth="1"/>
    <col min="9989" max="9989" width="9" style="59"/>
    <col min="9990" max="9990" width="11.83203125" style="59" customWidth="1"/>
    <col min="9991" max="10240" width="9" style="59"/>
    <col min="10241" max="10241" width="5.25" style="59" customWidth="1"/>
    <col min="10242" max="10242" width="16" style="59" customWidth="1"/>
    <col min="10243" max="10243" width="17.25" style="59" customWidth="1"/>
    <col min="10244" max="10244" width="104.33203125" style="59" customWidth="1"/>
    <col min="10245" max="10245" width="9" style="59"/>
    <col min="10246" max="10246" width="11.83203125" style="59" customWidth="1"/>
    <col min="10247" max="10496" width="9" style="59"/>
    <col min="10497" max="10497" width="5.25" style="59" customWidth="1"/>
    <col min="10498" max="10498" width="16" style="59" customWidth="1"/>
    <col min="10499" max="10499" width="17.25" style="59" customWidth="1"/>
    <col min="10500" max="10500" width="104.33203125" style="59" customWidth="1"/>
    <col min="10501" max="10501" width="9" style="59"/>
    <col min="10502" max="10502" width="11.83203125" style="59" customWidth="1"/>
    <col min="10503" max="10752" width="9" style="59"/>
    <col min="10753" max="10753" width="5.25" style="59" customWidth="1"/>
    <col min="10754" max="10754" width="16" style="59" customWidth="1"/>
    <col min="10755" max="10755" width="17.25" style="59" customWidth="1"/>
    <col min="10756" max="10756" width="104.33203125" style="59" customWidth="1"/>
    <col min="10757" max="10757" width="9" style="59"/>
    <col min="10758" max="10758" width="11.83203125" style="59" customWidth="1"/>
    <col min="10759" max="11008" width="9" style="59"/>
    <col min="11009" max="11009" width="5.25" style="59" customWidth="1"/>
    <col min="11010" max="11010" width="16" style="59" customWidth="1"/>
    <col min="11011" max="11011" width="17.25" style="59" customWidth="1"/>
    <col min="11012" max="11012" width="104.33203125" style="59" customWidth="1"/>
    <col min="11013" max="11013" width="9" style="59"/>
    <col min="11014" max="11014" width="11.83203125" style="59" customWidth="1"/>
    <col min="11015" max="11264" width="9" style="59"/>
    <col min="11265" max="11265" width="5.25" style="59" customWidth="1"/>
    <col min="11266" max="11266" width="16" style="59" customWidth="1"/>
    <col min="11267" max="11267" width="17.25" style="59" customWidth="1"/>
    <col min="11268" max="11268" width="104.33203125" style="59" customWidth="1"/>
    <col min="11269" max="11269" width="9" style="59"/>
    <col min="11270" max="11270" width="11.83203125" style="59" customWidth="1"/>
    <col min="11271" max="11520" width="9" style="59"/>
    <col min="11521" max="11521" width="5.25" style="59" customWidth="1"/>
    <col min="11522" max="11522" width="16" style="59" customWidth="1"/>
    <col min="11523" max="11523" width="17.25" style="59" customWidth="1"/>
    <col min="11524" max="11524" width="104.33203125" style="59" customWidth="1"/>
    <col min="11525" max="11525" width="9" style="59"/>
    <col min="11526" max="11526" width="11.83203125" style="59" customWidth="1"/>
    <col min="11527" max="11776" width="9" style="59"/>
    <col min="11777" max="11777" width="5.25" style="59" customWidth="1"/>
    <col min="11778" max="11778" width="16" style="59" customWidth="1"/>
    <col min="11779" max="11779" width="17.25" style="59" customWidth="1"/>
    <col min="11780" max="11780" width="104.33203125" style="59" customWidth="1"/>
    <col min="11781" max="11781" width="9" style="59"/>
    <col min="11782" max="11782" width="11.83203125" style="59" customWidth="1"/>
    <col min="11783" max="12032" width="9" style="59"/>
    <col min="12033" max="12033" width="5.25" style="59" customWidth="1"/>
    <col min="12034" max="12034" width="16" style="59" customWidth="1"/>
    <col min="12035" max="12035" width="17.25" style="59" customWidth="1"/>
    <col min="12036" max="12036" width="104.33203125" style="59" customWidth="1"/>
    <col min="12037" max="12037" width="9" style="59"/>
    <col min="12038" max="12038" width="11.83203125" style="59" customWidth="1"/>
    <col min="12039" max="12288" width="9" style="59"/>
    <col min="12289" max="12289" width="5.25" style="59" customWidth="1"/>
    <col min="12290" max="12290" width="16" style="59" customWidth="1"/>
    <col min="12291" max="12291" width="17.25" style="59" customWidth="1"/>
    <col min="12292" max="12292" width="104.33203125" style="59" customWidth="1"/>
    <col min="12293" max="12293" width="9" style="59"/>
    <col min="12294" max="12294" width="11.83203125" style="59" customWidth="1"/>
    <col min="12295" max="12544" width="9" style="59"/>
    <col min="12545" max="12545" width="5.25" style="59" customWidth="1"/>
    <col min="12546" max="12546" width="16" style="59" customWidth="1"/>
    <col min="12547" max="12547" width="17.25" style="59" customWidth="1"/>
    <col min="12548" max="12548" width="104.33203125" style="59" customWidth="1"/>
    <col min="12549" max="12549" width="9" style="59"/>
    <col min="12550" max="12550" width="11.83203125" style="59" customWidth="1"/>
    <col min="12551" max="12800" width="9" style="59"/>
    <col min="12801" max="12801" width="5.25" style="59" customWidth="1"/>
    <col min="12802" max="12802" width="16" style="59" customWidth="1"/>
    <col min="12803" max="12803" width="17.25" style="59" customWidth="1"/>
    <col min="12804" max="12804" width="104.33203125" style="59" customWidth="1"/>
    <col min="12805" max="12805" width="9" style="59"/>
    <col min="12806" max="12806" width="11.83203125" style="59" customWidth="1"/>
    <col min="12807" max="13056" width="9" style="59"/>
    <col min="13057" max="13057" width="5.25" style="59" customWidth="1"/>
    <col min="13058" max="13058" width="16" style="59" customWidth="1"/>
    <col min="13059" max="13059" width="17.25" style="59" customWidth="1"/>
    <col min="13060" max="13060" width="104.33203125" style="59" customWidth="1"/>
    <col min="13061" max="13061" width="9" style="59"/>
    <col min="13062" max="13062" width="11.83203125" style="59" customWidth="1"/>
    <col min="13063" max="13312" width="9" style="59"/>
    <col min="13313" max="13313" width="5.25" style="59" customWidth="1"/>
    <col min="13314" max="13314" width="16" style="59" customWidth="1"/>
    <col min="13315" max="13315" width="17.25" style="59" customWidth="1"/>
    <col min="13316" max="13316" width="104.33203125" style="59" customWidth="1"/>
    <col min="13317" max="13317" width="9" style="59"/>
    <col min="13318" max="13318" width="11.83203125" style="59" customWidth="1"/>
    <col min="13319" max="13568" width="9" style="59"/>
    <col min="13569" max="13569" width="5.25" style="59" customWidth="1"/>
    <col min="13570" max="13570" width="16" style="59" customWidth="1"/>
    <col min="13571" max="13571" width="17.25" style="59" customWidth="1"/>
    <col min="13572" max="13572" width="104.33203125" style="59" customWidth="1"/>
    <col min="13573" max="13573" width="9" style="59"/>
    <col min="13574" max="13574" width="11.83203125" style="59" customWidth="1"/>
    <col min="13575" max="13824" width="9" style="59"/>
    <col min="13825" max="13825" width="5.25" style="59" customWidth="1"/>
    <col min="13826" max="13826" width="16" style="59" customWidth="1"/>
    <col min="13827" max="13827" width="17.25" style="59" customWidth="1"/>
    <col min="13828" max="13828" width="104.33203125" style="59" customWidth="1"/>
    <col min="13829" max="13829" width="9" style="59"/>
    <col min="13830" max="13830" width="11.83203125" style="59" customWidth="1"/>
    <col min="13831" max="14080" width="9" style="59"/>
    <col min="14081" max="14081" width="5.25" style="59" customWidth="1"/>
    <col min="14082" max="14082" width="16" style="59" customWidth="1"/>
    <col min="14083" max="14083" width="17.25" style="59" customWidth="1"/>
    <col min="14084" max="14084" width="104.33203125" style="59" customWidth="1"/>
    <col min="14085" max="14085" width="9" style="59"/>
    <col min="14086" max="14086" width="11.83203125" style="59" customWidth="1"/>
    <col min="14087" max="14336" width="9" style="59"/>
    <col min="14337" max="14337" width="5.25" style="59" customWidth="1"/>
    <col min="14338" max="14338" width="16" style="59" customWidth="1"/>
    <col min="14339" max="14339" width="17.25" style="59" customWidth="1"/>
    <col min="14340" max="14340" width="104.33203125" style="59" customWidth="1"/>
    <col min="14341" max="14341" width="9" style="59"/>
    <col min="14342" max="14342" width="11.83203125" style="59" customWidth="1"/>
    <col min="14343" max="14592" width="9" style="59"/>
    <col min="14593" max="14593" width="5.25" style="59" customWidth="1"/>
    <col min="14594" max="14594" width="16" style="59" customWidth="1"/>
    <col min="14595" max="14595" width="17.25" style="59" customWidth="1"/>
    <col min="14596" max="14596" width="104.33203125" style="59" customWidth="1"/>
    <col min="14597" max="14597" width="9" style="59"/>
    <col min="14598" max="14598" width="11.83203125" style="59" customWidth="1"/>
    <col min="14599" max="14848" width="9" style="59"/>
    <col min="14849" max="14849" width="5.25" style="59" customWidth="1"/>
    <col min="14850" max="14850" width="16" style="59" customWidth="1"/>
    <col min="14851" max="14851" width="17.25" style="59" customWidth="1"/>
    <col min="14852" max="14852" width="104.33203125" style="59" customWidth="1"/>
    <col min="14853" max="14853" width="9" style="59"/>
    <col min="14854" max="14854" width="11.83203125" style="59" customWidth="1"/>
    <col min="14855" max="15104" width="9" style="59"/>
    <col min="15105" max="15105" width="5.25" style="59" customWidth="1"/>
    <col min="15106" max="15106" width="16" style="59" customWidth="1"/>
    <col min="15107" max="15107" width="17.25" style="59" customWidth="1"/>
    <col min="15108" max="15108" width="104.33203125" style="59" customWidth="1"/>
    <col min="15109" max="15109" width="9" style="59"/>
    <col min="15110" max="15110" width="11.83203125" style="59" customWidth="1"/>
    <col min="15111" max="15360" width="9" style="59"/>
    <col min="15361" max="15361" width="5.25" style="59" customWidth="1"/>
    <col min="15362" max="15362" width="16" style="59" customWidth="1"/>
    <col min="15363" max="15363" width="17.25" style="59" customWidth="1"/>
    <col min="15364" max="15364" width="104.33203125" style="59" customWidth="1"/>
    <col min="15365" max="15365" width="9" style="59"/>
    <col min="15366" max="15366" width="11.83203125" style="59" customWidth="1"/>
    <col min="15367" max="15616" width="9" style="59"/>
    <col min="15617" max="15617" width="5.25" style="59" customWidth="1"/>
    <col min="15618" max="15618" width="16" style="59" customWidth="1"/>
    <col min="15619" max="15619" width="17.25" style="59" customWidth="1"/>
    <col min="15620" max="15620" width="104.33203125" style="59" customWidth="1"/>
    <col min="15621" max="15621" width="9" style="59"/>
    <col min="15622" max="15622" width="11.83203125" style="59" customWidth="1"/>
    <col min="15623" max="15872" width="9" style="59"/>
    <col min="15873" max="15873" width="5.25" style="59" customWidth="1"/>
    <col min="15874" max="15874" width="16" style="59" customWidth="1"/>
    <col min="15875" max="15875" width="17.25" style="59" customWidth="1"/>
    <col min="15876" max="15876" width="104.33203125" style="59" customWidth="1"/>
    <col min="15877" max="15877" width="9" style="59"/>
    <col min="15878" max="15878" width="11.83203125" style="59" customWidth="1"/>
    <col min="15879" max="16128" width="9" style="59"/>
    <col min="16129" max="16129" width="5.25" style="59" customWidth="1"/>
    <col min="16130" max="16130" width="16" style="59" customWidth="1"/>
    <col min="16131" max="16131" width="17.25" style="59" customWidth="1"/>
    <col min="16132" max="16132" width="104.33203125" style="59" customWidth="1"/>
    <col min="16133" max="16133" width="9" style="59"/>
    <col min="16134" max="16134" width="11.83203125" style="59" customWidth="1"/>
    <col min="16135" max="16384" width="9" style="59"/>
  </cols>
  <sheetData>
    <row r="1" spans="1:16" ht="30.75" customHeight="1" x14ac:dyDescent="0.35">
      <c r="B1" s="60" t="s">
        <v>39</v>
      </c>
    </row>
    <row r="2" spans="1:16" ht="18" x14ac:dyDescent="0.55000000000000004">
      <c r="A2" s="61" t="s">
        <v>26</v>
      </c>
      <c r="B2" s="62" t="s">
        <v>27</v>
      </c>
      <c r="C2" s="62" t="s">
        <v>28</v>
      </c>
      <c r="D2" s="62" t="s">
        <v>29</v>
      </c>
      <c r="E2" s="62" t="s">
        <v>30</v>
      </c>
      <c r="F2" s="62" t="s">
        <v>38</v>
      </c>
      <c r="G2" s="62" t="s">
        <v>31</v>
      </c>
      <c r="H2" s="62" t="s">
        <v>32</v>
      </c>
      <c r="I2" s="62" t="s">
        <v>33</v>
      </c>
      <c r="J2" s="62" t="s">
        <v>34</v>
      </c>
      <c r="K2" s="62" t="s">
        <v>35</v>
      </c>
      <c r="L2" s="62" t="s">
        <v>36</v>
      </c>
      <c r="M2" s="62" t="s">
        <v>37</v>
      </c>
      <c r="N2" s="309" t="s">
        <v>109</v>
      </c>
      <c r="O2" s="310"/>
      <c r="P2" s="61" t="s">
        <v>45</v>
      </c>
    </row>
    <row r="3" spans="1:16" x14ac:dyDescent="0.35">
      <c r="A3" s="61">
        <v>1</v>
      </c>
      <c r="B3" s="76" t="s">
        <v>173</v>
      </c>
      <c r="C3" s="76" t="s">
        <v>179</v>
      </c>
      <c r="D3" s="77" t="s">
        <v>110</v>
      </c>
      <c r="E3" s="77"/>
      <c r="F3" s="77" t="s">
        <v>111</v>
      </c>
      <c r="G3" s="77" t="s">
        <v>112</v>
      </c>
      <c r="H3" s="77" t="s">
        <v>113</v>
      </c>
      <c r="I3" s="77" t="s">
        <v>25</v>
      </c>
      <c r="J3" s="61" t="s">
        <v>25</v>
      </c>
      <c r="K3" s="61" t="s">
        <v>25</v>
      </c>
      <c r="L3" s="61" t="s">
        <v>25</v>
      </c>
      <c r="M3" s="61" t="s">
        <v>25</v>
      </c>
      <c r="N3" s="61"/>
      <c r="O3" s="61" t="s">
        <v>115</v>
      </c>
      <c r="P3" s="61"/>
    </row>
    <row r="4" spans="1:16" x14ac:dyDescent="0.35">
      <c r="A4" s="61">
        <v>2</v>
      </c>
      <c r="B4" s="76" t="s">
        <v>173</v>
      </c>
      <c r="C4" s="76" t="s">
        <v>180</v>
      </c>
      <c r="D4" s="77" t="s">
        <v>116</v>
      </c>
      <c r="E4" s="77"/>
      <c r="F4" s="77" t="s">
        <v>117</v>
      </c>
      <c r="G4" s="77" t="s">
        <v>118</v>
      </c>
      <c r="H4" s="77" t="s">
        <v>113</v>
      </c>
      <c r="I4" s="77" t="s">
        <v>119</v>
      </c>
      <c r="J4" s="61" t="s">
        <v>25</v>
      </c>
      <c r="K4" s="61" t="s">
        <v>25</v>
      </c>
      <c r="L4" s="61" t="s">
        <v>25</v>
      </c>
      <c r="M4" s="61" t="s">
        <v>25</v>
      </c>
      <c r="N4" s="61"/>
      <c r="O4" s="61" t="s">
        <v>115</v>
      </c>
      <c r="P4" s="61"/>
    </row>
    <row r="5" spans="1:16" x14ac:dyDescent="0.35">
      <c r="A5" s="61">
        <v>3</v>
      </c>
      <c r="B5" s="76" t="s">
        <v>173</v>
      </c>
      <c r="C5" s="76" t="s">
        <v>181</v>
      </c>
      <c r="D5" s="77" t="s">
        <v>120</v>
      </c>
      <c r="E5" s="77"/>
      <c r="F5" s="77" t="s">
        <v>117</v>
      </c>
      <c r="G5" s="77" t="s">
        <v>112</v>
      </c>
      <c r="H5" s="77" t="s">
        <v>121</v>
      </c>
      <c r="I5" s="77" t="s">
        <v>25</v>
      </c>
      <c r="J5" s="61" t="s">
        <v>25</v>
      </c>
      <c r="K5" s="61" t="s">
        <v>25</v>
      </c>
      <c r="L5" s="61" t="s">
        <v>25</v>
      </c>
      <c r="M5" s="61" t="s">
        <v>25</v>
      </c>
      <c r="N5" s="61"/>
      <c r="O5" s="61" t="s">
        <v>114</v>
      </c>
      <c r="P5" s="61"/>
    </row>
    <row r="6" spans="1:16" x14ac:dyDescent="0.35">
      <c r="A6" s="61">
        <v>4</v>
      </c>
      <c r="B6" s="76" t="s">
        <v>173</v>
      </c>
      <c r="C6" s="76" t="s">
        <v>182</v>
      </c>
      <c r="D6" s="77" t="s">
        <v>122</v>
      </c>
      <c r="E6" s="77"/>
      <c r="F6" s="77" t="s">
        <v>111</v>
      </c>
      <c r="G6" s="77" t="s">
        <v>112</v>
      </c>
      <c r="H6" s="77" t="s">
        <v>123</v>
      </c>
      <c r="I6" s="77" t="s">
        <v>25</v>
      </c>
      <c r="J6" s="61" t="s">
        <v>25</v>
      </c>
      <c r="K6" s="61" t="s">
        <v>25</v>
      </c>
      <c r="L6" s="61" t="s">
        <v>25</v>
      </c>
      <c r="M6" s="61" t="s">
        <v>25</v>
      </c>
      <c r="N6" s="61"/>
      <c r="O6" s="61" t="s">
        <v>115</v>
      </c>
      <c r="P6" s="61"/>
    </row>
    <row r="7" spans="1:16" x14ac:dyDescent="0.35">
      <c r="A7" s="61">
        <v>5</v>
      </c>
      <c r="B7" s="76" t="s">
        <v>173</v>
      </c>
      <c r="C7" s="76" t="s">
        <v>183</v>
      </c>
      <c r="D7" s="77" t="s">
        <v>124</v>
      </c>
      <c r="E7" s="77"/>
      <c r="F7" s="77" t="s">
        <v>117</v>
      </c>
      <c r="G7" s="77" t="s">
        <v>118</v>
      </c>
      <c r="H7" s="77" t="s">
        <v>25</v>
      </c>
      <c r="I7" s="77" t="s">
        <v>25</v>
      </c>
      <c r="J7" s="61" t="s">
        <v>25</v>
      </c>
      <c r="K7" s="61" t="s">
        <v>25</v>
      </c>
      <c r="L7" s="61" t="s">
        <v>25</v>
      </c>
      <c r="M7" s="61" t="s">
        <v>25</v>
      </c>
      <c r="N7" s="61"/>
      <c r="O7" s="61" t="s">
        <v>115</v>
      </c>
      <c r="P7" s="61"/>
    </row>
    <row r="8" spans="1:16" x14ac:dyDescent="0.35">
      <c r="A8" s="61">
        <v>6</v>
      </c>
      <c r="B8" s="63"/>
      <c r="C8" s="63"/>
      <c r="D8" s="61"/>
      <c r="E8" s="61"/>
      <c r="F8" s="61"/>
      <c r="G8" s="61"/>
      <c r="H8" s="61" t="s">
        <v>25</v>
      </c>
      <c r="I8" s="61" t="s">
        <v>25</v>
      </c>
      <c r="J8" s="61" t="s">
        <v>25</v>
      </c>
      <c r="K8" s="61" t="s">
        <v>25</v>
      </c>
      <c r="L8" s="61" t="s">
        <v>25</v>
      </c>
      <c r="M8" s="61" t="s">
        <v>25</v>
      </c>
      <c r="N8" s="61"/>
      <c r="O8" s="61" t="s">
        <v>114</v>
      </c>
      <c r="P8" s="61"/>
    </row>
    <row r="9" spans="1:16" x14ac:dyDescent="0.35">
      <c r="A9" s="61">
        <v>7</v>
      </c>
      <c r="B9" s="63"/>
      <c r="C9" s="63"/>
      <c r="D9" s="61"/>
      <c r="E9" s="61"/>
      <c r="F9" s="61"/>
      <c r="G9" s="61"/>
      <c r="H9" s="61" t="s">
        <v>25</v>
      </c>
      <c r="I9" s="61" t="s">
        <v>25</v>
      </c>
      <c r="J9" s="61" t="s">
        <v>25</v>
      </c>
      <c r="K9" s="61" t="s">
        <v>25</v>
      </c>
      <c r="L9" s="61" t="s">
        <v>25</v>
      </c>
      <c r="M9" s="61" t="s">
        <v>25</v>
      </c>
      <c r="N9" s="61"/>
      <c r="O9" s="61" t="s">
        <v>115</v>
      </c>
      <c r="P9" s="61"/>
    </row>
    <row r="10" spans="1:16" x14ac:dyDescent="0.35">
      <c r="A10" s="61">
        <v>8</v>
      </c>
      <c r="B10" s="63"/>
      <c r="C10" s="64"/>
      <c r="D10" s="61"/>
      <c r="E10" s="61"/>
      <c r="F10" s="61"/>
      <c r="G10" s="61"/>
      <c r="H10" s="61" t="s">
        <v>25</v>
      </c>
      <c r="I10" s="61" t="s">
        <v>25</v>
      </c>
      <c r="J10" s="61" t="s">
        <v>25</v>
      </c>
      <c r="K10" s="61" t="s">
        <v>25</v>
      </c>
      <c r="L10" s="61" t="s">
        <v>25</v>
      </c>
      <c r="M10" s="61" t="s">
        <v>25</v>
      </c>
      <c r="N10" s="61"/>
      <c r="O10" s="61" t="s">
        <v>115</v>
      </c>
      <c r="P10" s="61"/>
    </row>
    <row r="11" spans="1:16" x14ac:dyDescent="0.35">
      <c r="A11" s="61">
        <v>9</v>
      </c>
      <c r="B11" s="63"/>
      <c r="C11" s="63"/>
      <c r="D11" s="61"/>
      <c r="E11" s="61"/>
      <c r="F11" s="61"/>
      <c r="G11" s="61"/>
      <c r="H11" s="61" t="s">
        <v>25</v>
      </c>
      <c r="I11" s="61" t="s">
        <v>25</v>
      </c>
      <c r="J11" s="61" t="s">
        <v>25</v>
      </c>
      <c r="K11" s="61" t="s">
        <v>25</v>
      </c>
      <c r="L11" s="61" t="s">
        <v>25</v>
      </c>
      <c r="M11" s="61" t="s">
        <v>25</v>
      </c>
      <c r="N11" s="61"/>
      <c r="O11" s="61" t="s">
        <v>115</v>
      </c>
      <c r="P11" s="61"/>
    </row>
    <row r="12" spans="1:16" x14ac:dyDescent="0.35">
      <c r="A12" s="61">
        <v>10</v>
      </c>
      <c r="B12" s="63"/>
      <c r="C12" s="63"/>
      <c r="D12" s="61"/>
      <c r="E12" s="61"/>
      <c r="F12" s="61"/>
      <c r="G12" s="61"/>
      <c r="H12" s="61" t="s">
        <v>25</v>
      </c>
      <c r="I12" s="61" t="s">
        <v>25</v>
      </c>
      <c r="J12" s="61" t="s">
        <v>25</v>
      </c>
      <c r="K12" s="61" t="s">
        <v>25</v>
      </c>
      <c r="L12" s="61" t="s">
        <v>25</v>
      </c>
      <c r="M12" s="61" t="s">
        <v>25</v>
      </c>
      <c r="N12" s="61"/>
      <c r="O12" s="61" t="s">
        <v>115</v>
      </c>
      <c r="P12" s="61"/>
    </row>
    <row r="13" spans="1:16" x14ac:dyDescent="0.35">
      <c r="A13" s="61">
        <v>11</v>
      </c>
      <c r="B13" s="63"/>
      <c r="C13" s="63"/>
      <c r="D13" s="61"/>
      <c r="E13" s="61"/>
      <c r="F13" s="61"/>
      <c r="G13" s="61"/>
      <c r="H13" s="61" t="s">
        <v>25</v>
      </c>
      <c r="I13" s="61" t="s">
        <v>25</v>
      </c>
      <c r="J13" s="61" t="s">
        <v>25</v>
      </c>
      <c r="K13" s="61" t="s">
        <v>25</v>
      </c>
      <c r="L13" s="61" t="s">
        <v>25</v>
      </c>
      <c r="M13" s="61" t="s">
        <v>25</v>
      </c>
      <c r="N13" s="61"/>
      <c r="O13" s="61" t="s">
        <v>115</v>
      </c>
      <c r="P13" s="61"/>
    </row>
    <row r="14" spans="1:16" x14ac:dyDescent="0.35">
      <c r="A14" s="61">
        <v>12</v>
      </c>
      <c r="B14" s="63"/>
      <c r="C14" s="63"/>
      <c r="D14" s="61"/>
      <c r="E14" s="61"/>
      <c r="F14" s="61"/>
      <c r="G14" s="61"/>
      <c r="H14" s="61" t="s">
        <v>25</v>
      </c>
      <c r="I14" s="61" t="s">
        <v>25</v>
      </c>
      <c r="J14" s="61" t="s">
        <v>25</v>
      </c>
      <c r="K14" s="61" t="s">
        <v>25</v>
      </c>
      <c r="L14" s="61" t="s">
        <v>25</v>
      </c>
      <c r="M14" s="61" t="s">
        <v>25</v>
      </c>
      <c r="N14" s="61"/>
      <c r="O14" s="61" t="s">
        <v>115</v>
      </c>
      <c r="P14" s="61"/>
    </row>
    <row r="15" spans="1:16" x14ac:dyDescent="0.35">
      <c r="A15" s="61">
        <v>13</v>
      </c>
      <c r="B15" s="63"/>
      <c r="C15" s="63"/>
      <c r="D15" s="61"/>
      <c r="E15" s="61"/>
      <c r="F15" s="61"/>
      <c r="G15" s="61"/>
      <c r="H15" s="61" t="s">
        <v>25</v>
      </c>
      <c r="I15" s="61" t="s">
        <v>25</v>
      </c>
      <c r="J15" s="61" t="s">
        <v>25</v>
      </c>
      <c r="K15" s="61" t="s">
        <v>25</v>
      </c>
      <c r="L15" s="61" t="s">
        <v>25</v>
      </c>
      <c r="M15" s="61" t="s">
        <v>25</v>
      </c>
      <c r="N15" s="61"/>
      <c r="O15" s="61" t="s">
        <v>115</v>
      </c>
      <c r="P15" s="61"/>
    </row>
    <row r="16" spans="1:16" x14ac:dyDescent="0.35">
      <c r="A16" s="61">
        <v>14</v>
      </c>
      <c r="B16" s="63"/>
      <c r="C16" s="63"/>
      <c r="D16" s="61"/>
      <c r="E16" s="61"/>
      <c r="F16" s="61"/>
      <c r="G16" s="61"/>
      <c r="H16" s="61" t="s">
        <v>25</v>
      </c>
      <c r="I16" s="61" t="s">
        <v>25</v>
      </c>
      <c r="J16" s="61" t="s">
        <v>25</v>
      </c>
      <c r="K16" s="61" t="s">
        <v>25</v>
      </c>
      <c r="L16" s="61" t="s">
        <v>25</v>
      </c>
      <c r="M16" s="61" t="s">
        <v>25</v>
      </c>
      <c r="N16" s="61"/>
      <c r="O16" s="61" t="s">
        <v>115</v>
      </c>
      <c r="P16" s="61"/>
    </row>
    <row r="17" spans="1:16" x14ac:dyDescent="0.35">
      <c r="A17" s="61">
        <v>15</v>
      </c>
      <c r="B17" s="63"/>
      <c r="C17" s="63"/>
      <c r="D17" s="61"/>
      <c r="E17" s="61"/>
      <c r="F17" s="61"/>
      <c r="G17" s="61"/>
      <c r="H17" s="61" t="s">
        <v>25</v>
      </c>
      <c r="I17" s="61" t="s">
        <v>25</v>
      </c>
      <c r="J17" s="61" t="s">
        <v>25</v>
      </c>
      <c r="K17" s="61" t="s">
        <v>25</v>
      </c>
      <c r="L17" s="61" t="s">
        <v>25</v>
      </c>
      <c r="M17" s="61" t="s">
        <v>25</v>
      </c>
      <c r="N17" s="61"/>
      <c r="O17" s="61" t="s">
        <v>115</v>
      </c>
      <c r="P17" s="61"/>
    </row>
    <row r="18" spans="1:16" x14ac:dyDescent="0.35">
      <c r="A18" s="61">
        <v>16</v>
      </c>
      <c r="B18" s="63"/>
      <c r="C18" s="63"/>
      <c r="D18" s="61"/>
      <c r="E18" s="61"/>
      <c r="F18" s="61"/>
      <c r="G18" s="61"/>
      <c r="H18" s="61" t="s">
        <v>25</v>
      </c>
      <c r="I18" s="61" t="s">
        <v>25</v>
      </c>
      <c r="J18" s="61" t="s">
        <v>25</v>
      </c>
      <c r="K18" s="61" t="s">
        <v>25</v>
      </c>
      <c r="L18" s="61" t="s">
        <v>25</v>
      </c>
      <c r="M18" s="61" t="s">
        <v>25</v>
      </c>
      <c r="N18" s="61"/>
      <c r="O18" s="61" t="s">
        <v>114</v>
      </c>
      <c r="P18" s="61"/>
    </row>
    <row r="19" spans="1:16" x14ac:dyDescent="0.35">
      <c r="A19" s="61">
        <v>17</v>
      </c>
      <c r="B19" s="63"/>
      <c r="C19" s="63"/>
      <c r="D19" s="61"/>
      <c r="E19" s="61"/>
      <c r="F19" s="61"/>
      <c r="G19" s="61"/>
      <c r="H19" s="61" t="s">
        <v>25</v>
      </c>
      <c r="I19" s="61" t="s">
        <v>25</v>
      </c>
      <c r="J19" s="61" t="s">
        <v>25</v>
      </c>
      <c r="K19" s="61" t="s">
        <v>25</v>
      </c>
      <c r="L19" s="61" t="s">
        <v>25</v>
      </c>
      <c r="M19" s="61" t="s">
        <v>25</v>
      </c>
      <c r="N19" s="61"/>
      <c r="O19" s="61" t="s">
        <v>114</v>
      </c>
      <c r="P19" s="61"/>
    </row>
    <row r="20" spans="1:16" x14ac:dyDescent="0.35">
      <c r="A20" s="61">
        <v>18</v>
      </c>
      <c r="B20" s="63"/>
      <c r="C20" s="63"/>
      <c r="D20" s="61"/>
      <c r="E20" s="61"/>
      <c r="F20" s="61"/>
      <c r="G20" s="61"/>
      <c r="H20" s="61" t="s">
        <v>25</v>
      </c>
      <c r="I20" s="61" t="s">
        <v>25</v>
      </c>
      <c r="J20" s="61" t="s">
        <v>25</v>
      </c>
      <c r="K20" s="61" t="s">
        <v>25</v>
      </c>
      <c r="L20" s="61" t="s">
        <v>25</v>
      </c>
      <c r="M20" s="61" t="s">
        <v>25</v>
      </c>
      <c r="N20" s="61"/>
      <c r="O20" s="61" t="s">
        <v>115</v>
      </c>
      <c r="P20" s="61"/>
    </row>
    <row r="21" spans="1:16" x14ac:dyDescent="0.35">
      <c r="A21" s="61">
        <v>19</v>
      </c>
      <c r="B21" s="63"/>
      <c r="C21" s="63"/>
      <c r="D21" s="61"/>
      <c r="E21" s="61"/>
      <c r="F21" s="61"/>
      <c r="G21" s="61"/>
      <c r="H21" s="61" t="s">
        <v>25</v>
      </c>
      <c r="I21" s="61" t="s">
        <v>25</v>
      </c>
      <c r="J21" s="61" t="s">
        <v>25</v>
      </c>
      <c r="K21" s="61" t="s">
        <v>25</v>
      </c>
      <c r="L21" s="61" t="s">
        <v>25</v>
      </c>
      <c r="M21" s="61" t="s">
        <v>25</v>
      </c>
      <c r="N21" s="61"/>
      <c r="O21" s="61" t="s">
        <v>115</v>
      </c>
      <c r="P21" s="61"/>
    </row>
    <row r="22" spans="1:16" x14ac:dyDescent="0.35">
      <c r="A22" s="61">
        <v>20</v>
      </c>
      <c r="B22" s="63"/>
      <c r="C22" s="63"/>
      <c r="D22" s="61"/>
      <c r="E22" s="61"/>
      <c r="F22" s="61"/>
      <c r="G22" s="61"/>
      <c r="H22" s="61" t="s">
        <v>25</v>
      </c>
      <c r="I22" s="61" t="s">
        <v>25</v>
      </c>
      <c r="J22" s="61" t="s">
        <v>25</v>
      </c>
      <c r="K22" s="61" t="s">
        <v>25</v>
      </c>
      <c r="L22" s="61" t="s">
        <v>25</v>
      </c>
      <c r="M22" s="61" t="s">
        <v>25</v>
      </c>
      <c r="N22" s="61"/>
      <c r="O22" s="61" t="s">
        <v>115</v>
      </c>
      <c r="P22" s="61"/>
    </row>
    <row r="23" spans="1:16" x14ac:dyDescent="0.35">
      <c r="A23" s="61">
        <v>21</v>
      </c>
      <c r="B23" s="63"/>
      <c r="C23" s="63"/>
      <c r="D23" s="61"/>
      <c r="E23" s="61"/>
      <c r="F23" s="61"/>
      <c r="G23" s="61"/>
      <c r="H23" s="61" t="s">
        <v>25</v>
      </c>
      <c r="I23" s="61" t="s">
        <v>25</v>
      </c>
      <c r="J23" s="61" t="s">
        <v>25</v>
      </c>
      <c r="K23" s="61" t="s">
        <v>25</v>
      </c>
      <c r="L23" s="61" t="s">
        <v>25</v>
      </c>
      <c r="M23" s="61" t="s">
        <v>25</v>
      </c>
      <c r="N23" s="61"/>
      <c r="O23" s="61" t="s">
        <v>115</v>
      </c>
      <c r="P23" s="61"/>
    </row>
    <row r="24" spans="1:16" x14ac:dyDescent="0.35">
      <c r="A24" s="61">
        <v>22</v>
      </c>
      <c r="B24" s="63"/>
      <c r="C24" s="63"/>
      <c r="D24" s="61"/>
      <c r="E24" s="61"/>
      <c r="F24" s="61"/>
      <c r="G24" s="61"/>
      <c r="H24" s="61" t="s">
        <v>25</v>
      </c>
      <c r="I24" s="61" t="s">
        <v>25</v>
      </c>
      <c r="J24" s="61" t="s">
        <v>25</v>
      </c>
      <c r="K24" s="61" t="s">
        <v>25</v>
      </c>
      <c r="L24" s="61" t="s">
        <v>25</v>
      </c>
      <c r="M24" s="61" t="s">
        <v>25</v>
      </c>
      <c r="N24" s="61"/>
      <c r="O24" s="61" t="s">
        <v>114</v>
      </c>
      <c r="P24" s="61"/>
    </row>
    <row r="25" spans="1:16" x14ac:dyDescent="0.35">
      <c r="A25" s="61">
        <v>23</v>
      </c>
      <c r="B25" s="63"/>
      <c r="C25" s="63"/>
      <c r="D25" s="61"/>
      <c r="E25" s="61"/>
      <c r="F25" s="61"/>
      <c r="G25" s="61"/>
      <c r="H25" s="61" t="s">
        <v>25</v>
      </c>
      <c r="I25" s="61" t="s">
        <v>25</v>
      </c>
      <c r="J25" s="61" t="s">
        <v>25</v>
      </c>
      <c r="K25" s="61" t="s">
        <v>25</v>
      </c>
      <c r="L25" s="61" t="s">
        <v>25</v>
      </c>
      <c r="M25" s="61" t="s">
        <v>25</v>
      </c>
      <c r="N25" s="61"/>
      <c r="O25" s="61" t="s">
        <v>115</v>
      </c>
      <c r="P25" s="61"/>
    </row>
    <row r="26" spans="1:16" x14ac:dyDescent="0.35">
      <c r="A26" s="61">
        <v>24</v>
      </c>
      <c r="B26" s="63"/>
      <c r="C26" s="63"/>
      <c r="D26" s="61"/>
      <c r="E26" s="61"/>
      <c r="F26" s="61"/>
      <c r="G26" s="61"/>
      <c r="H26" s="61" t="s">
        <v>25</v>
      </c>
      <c r="I26" s="61" t="s">
        <v>25</v>
      </c>
      <c r="J26" s="61" t="s">
        <v>25</v>
      </c>
      <c r="K26" s="61" t="s">
        <v>25</v>
      </c>
      <c r="L26" s="61" t="s">
        <v>25</v>
      </c>
      <c r="M26" s="61" t="s">
        <v>25</v>
      </c>
      <c r="N26" s="61"/>
      <c r="O26" s="61" t="s">
        <v>115</v>
      </c>
      <c r="P26" s="61"/>
    </row>
    <row r="27" spans="1:16" x14ac:dyDescent="0.35">
      <c r="A27" s="61">
        <v>25</v>
      </c>
      <c r="B27" s="63"/>
      <c r="C27" s="63"/>
      <c r="D27" s="61"/>
      <c r="E27" s="61"/>
      <c r="F27" s="61"/>
      <c r="G27" s="61"/>
      <c r="H27" s="61" t="s">
        <v>25</v>
      </c>
      <c r="I27" s="61" t="s">
        <v>25</v>
      </c>
      <c r="J27" s="61" t="s">
        <v>25</v>
      </c>
      <c r="K27" s="61" t="s">
        <v>25</v>
      </c>
      <c r="L27" s="61" t="s">
        <v>25</v>
      </c>
      <c r="M27" s="61" t="s">
        <v>25</v>
      </c>
      <c r="N27" s="61"/>
      <c r="O27" s="61" t="s">
        <v>115</v>
      </c>
      <c r="P27" s="61"/>
    </row>
    <row r="28" spans="1:16" x14ac:dyDescent="0.35">
      <c r="A28" s="61">
        <v>26</v>
      </c>
      <c r="B28" s="63"/>
      <c r="C28" s="63"/>
      <c r="D28" s="61"/>
      <c r="E28" s="61"/>
      <c r="F28" s="61"/>
      <c r="G28" s="61"/>
      <c r="H28" s="61" t="s">
        <v>25</v>
      </c>
      <c r="I28" s="61" t="s">
        <v>25</v>
      </c>
      <c r="J28" s="61" t="s">
        <v>25</v>
      </c>
      <c r="K28" s="61" t="s">
        <v>25</v>
      </c>
      <c r="L28" s="61" t="s">
        <v>25</v>
      </c>
      <c r="M28" s="61" t="s">
        <v>25</v>
      </c>
      <c r="N28" s="61"/>
      <c r="O28" s="61" t="s">
        <v>115</v>
      </c>
      <c r="P28" s="61"/>
    </row>
    <row r="29" spans="1:16" x14ac:dyDescent="0.35">
      <c r="A29" s="61">
        <v>27</v>
      </c>
      <c r="B29" s="63"/>
      <c r="C29" s="63"/>
      <c r="D29" s="61"/>
      <c r="E29" s="61"/>
      <c r="F29" s="61"/>
      <c r="G29" s="61"/>
      <c r="H29" s="61" t="s">
        <v>25</v>
      </c>
      <c r="I29" s="61" t="s">
        <v>25</v>
      </c>
      <c r="J29" s="61" t="s">
        <v>25</v>
      </c>
      <c r="K29" s="61" t="s">
        <v>25</v>
      </c>
      <c r="L29" s="61" t="s">
        <v>25</v>
      </c>
      <c r="M29" s="61" t="s">
        <v>25</v>
      </c>
      <c r="N29" s="61"/>
      <c r="O29" s="61" t="s">
        <v>115</v>
      </c>
      <c r="P29" s="61"/>
    </row>
    <row r="30" spans="1:16" x14ac:dyDescent="0.35">
      <c r="A30" s="61">
        <v>28</v>
      </c>
      <c r="B30" s="63"/>
      <c r="C30" s="63"/>
      <c r="D30" s="61"/>
      <c r="E30" s="61"/>
      <c r="F30" s="61"/>
      <c r="G30" s="61"/>
      <c r="H30" s="61" t="s">
        <v>25</v>
      </c>
      <c r="I30" s="61" t="s">
        <v>25</v>
      </c>
      <c r="J30" s="61" t="s">
        <v>25</v>
      </c>
      <c r="K30" s="61" t="s">
        <v>25</v>
      </c>
      <c r="L30" s="61" t="s">
        <v>25</v>
      </c>
      <c r="M30" s="61" t="s">
        <v>25</v>
      </c>
      <c r="N30" s="61"/>
      <c r="O30" s="61" t="s">
        <v>115</v>
      </c>
      <c r="P30" s="61"/>
    </row>
    <row r="31" spans="1:16" x14ac:dyDescent="0.35">
      <c r="A31" s="61">
        <v>29</v>
      </c>
      <c r="B31" s="63"/>
      <c r="C31" s="63"/>
      <c r="D31" s="61"/>
      <c r="E31" s="61"/>
      <c r="F31" s="61"/>
      <c r="G31" s="61"/>
      <c r="H31" s="61" t="s">
        <v>25</v>
      </c>
      <c r="I31" s="61" t="s">
        <v>25</v>
      </c>
      <c r="J31" s="61" t="s">
        <v>25</v>
      </c>
      <c r="K31" s="61" t="s">
        <v>25</v>
      </c>
      <c r="L31" s="61" t="s">
        <v>25</v>
      </c>
      <c r="M31" s="61" t="s">
        <v>25</v>
      </c>
      <c r="N31" s="61"/>
      <c r="O31" s="61" t="s">
        <v>114</v>
      </c>
      <c r="P31" s="61"/>
    </row>
    <row r="32" spans="1:16" x14ac:dyDescent="0.35">
      <c r="A32" s="61">
        <v>30</v>
      </c>
      <c r="B32" s="63"/>
      <c r="C32" s="63"/>
      <c r="D32" s="61"/>
      <c r="E32" s="61"/>
      <c r="F32" s="61"/>
      <c r="G32" s="61"/>
      <c r="H32" s="61" t="s">
        <v>25</v>
      </c>
      <c r="I32" s="61" t="s">
        <v>25</v>
      </c>
      <c r="J32" s="61" t="s">
        <v>25</v>
      </c>
      <c r="K32" s="61" t="s">
        <v>25</v>
      </c>
      <c r="L32" s="61" t="s">
        <v>25</v>
      </c>
      <c r="M32" s="61" t="s">
        <v>25</v>
      </c>
      <c r="N32" s="61"/>
      <c r="O32" s="61" t="s">
        <v>114</v>
      </c>
      <c r="P32" s="61"/>
    </row>
    <row r="33" spans="1:16" x14ac:dyDescent="0.35">
      <c r="A33" s="61">
        <v>31</v>
      </c>
      <c r="B33" s="63"/>
      <c r="C33" s="63"/>
      <c r="D33" s="61"/>
      <c r="E33" s="61"/>
      <c r="F33" s="61"/>
      <c r="G33" s="61"/>
      <c r="H33" s="61" t="s">
        <v>25</v>
      </c>
      <c r="I33" s="61" t="s">
        <v>25</v>
      </c>
      <c r="J33" s="61" t="s">
        <v>25</v>
      </c>
      <c r="K33" s="61" t="s">
        <v>25</v>
      </c>
      <c r="L33" s="61" t="s">
        <v>25</v>
      </c>
      <c r="M33" s="61" t="s">
        <v>25</v>
      </c>
      <c r="N33" s="61"/>
      <c r="O33" s="61" t="s">
        <v>114</v>
      </c>
      <c r="P33" s="61"/>
    </row>
    <row r="34" spans="1:16" x14ac:dyDescent="0.35">
      <c r="A34" s="61">
        <v>32</v>
      </c>
      <c r="B34" s="63"/>
      <c r="C34" s="63"/>
      <c r="D34" s="61"/>
      <c r="E34" s="61"/>
      <c r="F34" s="61"/>
      <c r="G34" s="61"/>
      <c r="H34" s="61" t="s">
        <v>25</v>
      </c>
      <c r="I34" s="61" t="s">
        <v>25</v>
      </c>
      <c r="J34" s="61" t="s">
        <v>25</v>
      </c>
      <c r="K34" s="61" t="s">
        <v>25</v>
      </c>
      <c r="L34" s="61" t="s">
        <v>25</v>
      </c>
      <c r="M34" s="61" t="s">
        <v>25</v>
      </c>
      <c r="N34" s="61"/>
      <c r="O34" s="61" t="s">
        <v>114</v>
      </c>
      <c r="P34" s="61"/>
    </row>
    <row r="35" spans="1:16" x14ac:dyDescent="0.35">
      <c r="A35" s="61">
        <v>33</v>
      </c>
      <c r="B35" s="63"/>
      <c r="C35" s="63"/>
      <c r="D35" s="61"/>
      <c r="E35" s="61"/>
      <c r="F35" s="61"/>
      <c r="G35" s="61"/>
      <c r="H35" s="61" t="s">
        <v>25</v>
      </c>
      <c r="I35" s="61" t="s">
        <v>25</v>
      </c>
      <c r="J35" s="61" t="s">
        <v>25</v>
      </c>
      <c r="K35" s="61" t="s">
        <v>25</v>
      </c>
      <c r="L35" s="61" t="s">
        <v>25</v>
      </c>
      <c r="M35" s="61" t="s">
        <v>25</v>
      </c>
      <c r="N35" s="61"/>
      <c r="O35" s="61" t="s">
        <v>114</v>
      </c>
      <c r="P35" s="61"/>
    </row>
    <row r="36" spans="1:16" x14ac:dyDescent="0.35">
      <c r="A36" s="61">
        <v>34</v>
      </c>
      <c r="B36" s="63"/>
      <c r="C36" s="63"/>
      <c r="D36" s="61"/>
      <c r="E36" s="61"/>
      <c r="F36" s="61"/>
      <c r="G36" s="61"/>
      <c r="H36" s="61" t="s">
        <v>25</v>
      </c>
      <c r="I36" s="61" t="s">
        <v>25</v>
      </c>
      <c r="J36" s="61" t="s">
        <v>25</v>
      </c>
      <c r="K36" s="61" t="s">
        <v>25</v>
      </c>
      <c r="L36" s="61" t="s">
        <v>25</v>
      </c>
      <c r="M36" s="61" t="s">
        <v>25</v>
      </c>
      <c r="N36" s="61"/>
      <c r="O36" s="61" t="s">
        <v>114</v>
      </c>
      <c r="P36" s="61"/>
    </row>
    <row r="37" spans="1:16" x14ac:dyDescent="0.35">
      <c r="A37" s="61">
        <v>35</v>
      </c>
      <c r="B37" s="61"/>
      <c r="C37" s="61"/>
      <c r="D37" s="61"/>
      <c r="E37" s="61"/>
      <c r="F37" s="61" t="s">
        <v>25</v>
      </c>
      <c r="G37" s="61" t="s">
        <v>25</v>
      </c>
      <c r="H37" s="61" t="s">
        <v>25</v>
      </c>
      <c r="I37" s="61" t="s">
        <v>25</v>
      </c>
      <c r="J37" s="61" t="s">
        <v>25</v>
      </c>
      <c r="K37" s="61" t="s">
        <v>25</v>
      </c>
      <c r="L37" s="61" t="s">
        <v>25</v>
      </c>
      <c r="M37" s="61" t="s">
        <v>25</v>
      </c>
      <c r="N37" s="61"/>
      <c r="O37" s="61" t="s">
        <v>114</v>
      </c>
      <c r="P37" s="61"/>
    </row>
    <row r="38" spans="1:16" x14ac:dyDescent="0.35">
      <c r="A38" s="61">
        <v>36</v>
      </c>
      <c r="B38" s="61"/>
      <c r="C38" s="61"/>
      <c r="D38" s="61"/>
      <c r="E38" s="61"/>
      <c r="F38" s="61" t="s">
        <v>25</v>
      </c>
      <c r="G38" s="61" t="s">
        <v>25</v>
      </c>
      <c r="H38" s="61" t="s">
        <v>25</v>
      </c>
      <c r="I38" s="61" t="s">
        <v>25</v>
      </c>
      <c r="J38" s="61" t="s">
        <v>25</v>
      </c>
      <c r="K38" s="61" t="s">
        <v>25</v>
      </c>
      <c r="L38" s="61" t="s">
        <v>25</v>
      </c>
      <c r="M38" s="61" t="s">
        <v>25</v>
      </c>
      <c r="N38" s="61"/>
      <c r="O38" s="61" t="s">
        <v>114</v>
      </c>
      <c r="P38" s="61"/>
    </row>
    <row r="39" spans="1:16" x14ac:dyDescent="0.35">
      <c r="A39" s="61">
        <v>37</v>
      </c>
      <c r="B39" s="61"/>
      <c r="C39" s="61"/>
      <c r="D39" s="61"/>
      <c r="E39" s="61"/>
      <c r="F39" s="61" t="s">
        <v>25</v>
      </c>
      <c r="G39" s="61" t="s">
        <v>25</v>
      </c>
      <c r="H39" s="61" t="s">
        <v>25</v>
      </c>
      <c r="I39" s="61" t="s">
        <v>25</v>
      </c>
      <c r="J39" s="61" t="s">
        <v>25</v>
      </c>
      <c r="K39" s="61" t="s">
        <v>25</v>
      </c>
      <c r="L39" s="61" t="s">
        <v>25</v>
      </c>
      <c r="M39" s="61" t="s">
        <v>25</v>
      </c>
      <c r="N39" s="61"/>
      <c r="O39" s="61" t="s">
        <v>114</v>
      </c>
      <c r="P39" s="61"/>
    </row>
    <row r="40" spans="1:16" x14ac:dyDescent="0.35">
      <c r="A40" s="61">
        <v>38</v>
      </c>
      <c r="B40" s="61"/>
      <c r="C40" s="61"/>
      <c r="D40" s="61"/>
      <c r="E40" s="61"/>
      <c r="F40" s="61" t="s">
        <v>25</v>
      </c>
      <c r="G40" s="61" t="s">
        <v>25</v>
      </c>
      <c r="H40" s="61" t="s">
        <v>25</v>
      </c>
      <c r="I40" s="61" t="s">
        <v>25</v>
      </c>
      <c r="J40" s="61" t="s">
        <v>25</v>
      </c>
      <c r="K40" s="61" t="s">
        <v>25</v>
      </c>
      <c r="L40" s="61" t="s">
        <v>25</v>
      </c>
      <c r="M40" s="61" t="s">
        <v>25</v>
      </c>
      <c r="N40" s="61"/>
      <c r="O40" s="61" t="s">
        <v>114</v>
      </c>
      <c r="P40" s="61"/>
    </row>
    <row r="41" spans="1:16" x14ac:dyDescent="0.35">
      <c r="A41" s="61">
        <v>39</v>
      </c>
      <c r="B41" s="61"/>
      <c r="C41" s="61"/>
      <c r="D41" s="61"/>
      <c r="E41" s="61"/>
      <c r="F41" s="61" t="s">
        <v>25</v>
      </c>
      <c r="G41" s="61" t="s">
        <v>25</v>
      </c>
      <c r="H41" s="61" t="s">
        <v>25</v>
      </c>
      <c r="I41" s="61" t="s">
        <v>25</v>
      </c>
      <c r="J41" s="61" t="s">
        <v>25</v>
      </c>
      <c r="K41" s="61" t="s">
        <v>25</v>
      </c>
      <c r="L41" s="61" t="s">
        <v>25</v>
      </c>
      <c r="M41" s="61" t="s">
        <v>25</v>
      </c>
      <c r="N41" s="61"/>
      <c r="O41" s="61" t="s">
        <v>114</v>
      </c>
      <c r="P41" s="61"/>
    </row>
    <row r="42" spans="1:16" x14ac:dyDescent="0.35">
      <c r="A42" s="61">
        <v>40</v>
      </c>
      <c r="B42" s="61"/>
      <c r="C42" s="61"/>
      <c r="D42" s="61"/>
      <c r="E42" s="61"/>
      <c r="F42" s="61" t="s">
        <v>25</v>
      </c>
      <c r="G42" s="61" t="s">
        <v>25</v>
      </c>
      <c r="H42" s="61" t="s">
        <v>25</v>
      </c>
      <c r="I42" s="61" t="s">
        <v>25</v>
      </c>
      <c r="J42" s="61" t="s">
        <v>25</v>
      </c>
      <c r="K42" s="61" t="s">
        <v>25</v>
      </c>
      <c r="L42" s="61" t="s">
        <v>25</v>
      </c>
      <c r="M42" s="61" t="s">
        <v>25</v>
      </c>
      <c r="N42" s="61"/>
      <c r="O42" s="61" t="s">
        <v>114</v>
      </c>
      <c r="P42" s="61"/>
    </row>
    <row r="43" spans="1:16" x14ac:dyDescent="0.35">
      <c r="A43" s="61">
        <v>41</v>
      </c>
      <c r="B43" s="61"/>
      <c r="C43" s="61"/>
      <c r="D43" s="61"/>
      <c r="E43" s="61"/>
      <c r="F43" s="61" t="s">
        <v>25</v>
      </c>
      <c r="G43" s="61" t="s">
        <v>25</v>
      </c>
      <c r="H43" s="61" t="s">
        <v>25</v>
      </c>
      <c r="I43" s="61" t="s">
        <v>25</v>
      </c>
      <c r="J43" s="61" t="s">
        <v>25</v>
      </c>
      <c r="K43" s="61" t="s">
        <v>25</v>
      </c>
      <c r="L43" s="61" t="s">
        <v>25</v>
      </c>
      <c r="M43" s="61" t="s">
        <v>25</v>
      </c>
      <c r="N43" s="61"/>
      <c r="O43" s="61" t="s">
        <v>114</v>
      </c>
      <c r="P43" s="61"/>
    </row>
    <row r="44" spans="1:16" x14ac:dyDescent="0.35">
      <c r="A44" s="61">
        <v>42</v>
      </c>
      <c r="B44" s="61"/>
      <c r="C44" s="61"/>
      <c r="D44" s="61"/>
      <c r="E44" s="61"/>
      <c r="F44" s="61" t="s">
        <v>25</v>
      </c>
      <c r="G44" s="61" t="s">
        <v>25</v>
      </c>
      <c r="H44" s="61" t="s">
        <v>25</v>
      </c>
      <c r="I44" s="61" t="s">
        <v>25</v>
      </c>
      <c r="J44" s="61" t="s">
        <v>25</v>
      </c>
      <c r="K44" s="61" t="s">
        <v>25</v>
      </c>
      <c r="L44" s="61" t="s">
        <v>25</v>
      </c>
      <c r="M44" s="61" t="s">
        <v>25</v>
      </c>
      <c r="N44" s="61"/>
      <c r="O44" s="61" t="s">
        <v>114</v>
      </c>
      <c r="P44" s="61"/>
    </row>
    <row r="45" spans="1:16" x14ac:dyDescent="0.35">
      <c r="A45" s="61">
        <v>43</v>
      </c>
      <c r="B45" s="61"/>
      <c r="C45" s="61"/>
      <c r="D45" s="61"/>
      <c r="E45" s="61"/>
      <c r="F45" s="61" t="s">
        <v>25</v>
      </c>
      <c r="G45" s="61" t="s">
        <v>25</v>
      </c>
      <c r="H45" s="61" t="s">
        <v>25</v>
      </c>
      <c r="I45" s="61" t="s">
        <v>25</v>
      </c>
      <c r="J45" s="61" t="s">
        <v>25</v>
      </c>
      <c r="K45" s="61" t="s">
        <v>25</v>
      </c>
      <c r="L45" s="61" t="s">
        <v>25</v>
      </c>
      <c r="M45" s="61" t="s">
        <v>25</v>
      </c>
      <c r="N45" s="61" t="s">
        <v>25</v>
      </c>
      <c r="O45" s="61" t="s">
        <v>114</v>
      </c>
      <c r="P45" s="61"/>
    </row>
    <row r="46" spans="1:16" x14ac:dyDescent="0.35">
      <c r="A46" s="61">
        <v>44</v>
      </c>
      <c r="B46" s="61"/>
      <c r="C46" s="61"/>
      <c r="D46" s="61"/>
      <c r="E46" s="61"/>
      <c r="F46" s="61" t="s">
        <v>25</v>
      </c>
      <c r="G46" s="61" t="s">
        <v>25</v>
      </c>
      <c r="H46" s="61" t="s">
        <v>25</v>
      </c>
      <c r="I46" s="61" t="s">
        <v>25</v>
      </c>
      <c r="J46" s="61" t="s">
        <v>25</v>
      </c>
      <c r="K46" s="61" t="s">
        <v>25</v>
      </c>
      <c r="L46" s="61" t="s">
        <v>25</v>
      </c>
      <c r="M46" s="61" t="s">
        <v>25</v>
      </c>
      <c r="N46" s="61" t="s">
        <v>25</v>
      </c>
      <c r="O46" s="61" t="s">
        <v>114</v>
      </c>
      <c r="P46" s="61"/>
    </row>
    <row r="47" spans="1:16" x14ac:dyDescent="0.35">
      <c r="A47" s="61">
        <v>45</v>
      </c>
      <c r="B47" s="61"/>
      <c r="C47" s="61"/>
      <c r="D47" s="61"/>
      <c r="E47" s="61"/>
      <c r="F47" s="61" t="s">
        <v>25</v>
      </c>
      <c r="G47" s="61" t="s">
        <v>25</v>
      </c>
      <c r="H47" s="61" t="s">
        <v>25</v>
      </c>
      <c r="I47" s="61" t="s">
        <v>25</v>
      </c>
      <c r="J47" s="61" t="s">
        <v>25</v>
      </c>
      <c r="K47" s="61" t="s">
        <v>25</v>
      </c>
      <c r="L47" s="61" t="s">
        <v>25</v>
      </c>
      <c r="M47" s="61" t="s">
        <v>25</v>
      </c>
      <c r="N47" s="61" t="s">
        <v>25</v>
      </c>
      <c r="O47" s="61" t="s">
        <v>114</v>
      </c>
      <c r="P47" s="61"/>
    </row>
    <row r="48" spans="1:16" x14ac:dyDescent="0.35">
      <c r="A48" s="61">
        <v>46</v>
      </c>
      <c r="B48" s="61"/>
      <c r="C48" s="61"/>
      <c r="D48" s="61"/>
      <c r="E48" s="61"/>
      <c r="F48" s="61" t="s">
        <v>25</v>
      </c>
      <c r="G48" s="61" t="s">
        <v>25</v>
      </c>
      <c r="H48" s="61" t="s">
        <v>25</v>
      </c>
      <c r="I48" s="61" t="s">
        <v>25</v>
      </c>
      <c r="J48" s="61" t="s">
        <v>25</v>
      </c>
      <c r="K48" s="61" t="s">
        <v>25</v>
      </c>
      <c r="L48" s="61" t="s">
        <v>25</v>
      </c>
      <c r="M48" s="61" t="s">
        <v>25</v>
      </c>
      <c r="N48" s="61" t="s">
        <v>25</v>
      </c>
      <c r="O48" s="61" t="s">
        <v>114</v>
      </c>
      <c r="P48" s="61"/>
    </row>
    <row r="49" spans="1:16" x14ac:dyDescent="0.35">
      <c r="A49" s="61">
        <v>47</v>
      </c>
      <c r="B49" s="61"/>
      <c r="C49" s="61"/>
      <c r="D49" s="61"/>
      <c r="E49" s="61"/>
      <c r="F49" s="61" t="s">
        <v>25</v>
      </c>
      <c r="G49" s="61" t="s">
        <v>25</v>
      </c>
      <c r="H49" s="61" t="s">
        <v>25</v>
      </c>
      <c r="I49" s="61" t="s">
        <v>25</v>
      </c>
      <c r="J49" s="61" t="s">
        <v>25</v>
      </c>
      <c r="K49" s="61" t="s">
        <v>25</v>
      </c>
      <c r="L49" s="61" t="s">
        <v>25</v>
      </c>
      <c r="M49" s="61" t="s">
        <v>25</v>
      </c>
      <c r="N49" s="61" t="s">
        <v>25</v>
      </c>
      <c r="O49" s="61" t="s">
        <v>114</v>
      </c>
      <c r="P49" s="61"/>
    </row>
    <row r="50" spans="1:16" x14ac:dyDescent="0.35">
      <c r="A50" s="61">
        <v>48</v>
      </c>
      <c r="B50" s="61"/>
      <c r="C50" s="61"/>
      <c r="D50" s="61"/>
      <c r="E50" s="61"/>
      <c r="F50" s="61" t="s">
        <v>25</v>
      </c>
      <c r="G50" s="61" t="s">
        <v>25</v>
      </c>
      <c r="H50" s="61" t="s">
        <v>25</v>
      </c>
      <c r="I50" s="61" t="s">
        <v>25</v>
      </c>
      <c r="J50" s="61" t="s">
        <v>25</v>
      </c>
      <c r="K50" s="61" t="s">
        <v>25</v>
      </c>
      <c r="L50" s="61" t="s">
        <v>25</v>
      </c>
      <c r="M50" s="61" t="s">
        <v>25</v>
      </c>
      <c r="N50" s="61" t="s">
        <v>25</v>
      </c>
      <c r="O50" s="61" t="s">
        <v>114</v>
      </c>
      <c r="P50" s="61"/>
    </row>
    <row r="51" spans="1:16" x14ac:dyDescent="0.35">
      <c r="A51" s="61">
        <v>49</v>
      </c>
      <c r="B51" s="61"/>
      <c r="C51" s="61"/>
      <c r="D51" s="61"/>
      <c r="E51" s="61"/>
      <c r="F51" s="61" t="s">
        <v>25</v>
      </c>
      <c r="G51" s="61" t="s">
        <v>25</v>
      </c>
      <c r="H51" s="61" t="s">
        <v>25</v>
      </c>
      <c r="I51" s="61" t="s">
        <v>25</v>
      </c>
      <c r="J51" s="61" t="s">
        <v>25</v>
      </c>
      <c r="K51" s="61" t="s">
        <v>25</v>
      </c>
      <c r="L51" s="61" t="s">
        <v>25</v>
      </c>
      <c r="M51" s="61" t="s">
        <v>25</v>
      </c>
      <c r="N51" s="61" t="s">
        <v>25</v>
      </c>
      <c r="O51" s="61" t="s">
        <v>114</v>
      </c>
      <c r="P51" s="61"/>
    </row>
    <row r="52" spans="1:16" x14ac:dyDescent="0.35">
      <c r="A52" s="61">
        <v>50</v>
      </c>
      <c r="B52" s="61"/>
      <c r="C52" s="61"/>
      <c r="D52" s="61"/>
      <c r="E52" s="61"/>
      <c r="F52" s="61" t="s">
        <v>25</v>
      </c>
      <c r="G52" s="61" t="s">
        <v>25</v>
      </c>
      <c r="H52" s="61" t="s">
        <v>25</v>
      </c>
      <c r="I52" s="61" t="s">
        <v>25</v>
      </c>
      <c r="J52" s="61" t="s">
        <v>25</v>
      </c>
      <c r="K52" s="61" t="s">
        <v>25</v>
      </c>
      <c r="L52" s="61" t="s">
        <v>25</v>
      </c>
      <c r="M52" s="61" t="s">
        <v>25</v>
      </c>
      <c r="N52" s="61" t="s">
        <v>25</v>
      </c>
      <c r="O52" s="61" t="s">
        <v>114</v>
      </c>
      <c r="P52" s="61"/>
    </row>
  </sheetData>
  <sheetProtection algorithmName="SHA-512" hashValue="mQQoKU+Z7Kuvl1mvw5FtQmlExq6U4gRTAwI+JizFxCZzmad+TrhfUQVdKDPljIHa+ilM0/wXpelHzm1ml60CJA==" saltValue="xOvTsGtSrYKpndTLYtWdSQ==" spinCount="100000" sheet="1" objects="1" scenarios="1"/>
  <mergeCells count="1">
    <mergeCell ref="N2:O2"/>
  </mergeCells>
  <phoneticPr fontId="2"/>
  <dataValidations count="4">
    <dataValidation type="list" allowBlank="1" showInputMessage="1" showErrorMessage="1" sqref="N3:N52" xr:uid="{00000000-0002-0000-0300-000000000000}">
      <formula1>"　,7.その他"</formula1>
    </dataValidation>
    <dataValidation type="list" allowBlank="1" showInputMessage="1" showErrorMessage="1" sqref="F3:F52" xr:uid="{00000000-0002-0000-0300-000001000000}">
      <formula1>"　,1.有償,2.保証"</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xr:uid="{00000000-0002-0000-0300-000002000000}">
      <formula1>"　,1.修理依頼シート,2.保証書,3.ACアダプタ,4.ACコード,5.マウス,6.キーボードドック"</formula1>
    </dataValidation>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xr:uid="{00000000-0002-0000-0300-000003000000}">
      <formula1>"　,1.了承する,2.了承しない"</formula1>
    </dataValidation>
  </dataValidation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vt:i4>
      </vt:variant>
    </vt:vector>
  </HeadingPairs>
  <TitlesOfParts>
    <vt:vector size="5" baseType="lpstr">
      <vt:lpstr>ピックアップ依頼シート</vt:lpstr>
      <vt:lpstr>複数台同時集荷シート</vt:lpstr>
      <vt:lpstr>ピックアップ依頼シート（記入例）</vt:lpstr>
      <vt:lpstr>複数台同時集荷シート（記入例）</vt:lpstr>
      <vt:lpstr>ピックアップ依頼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太田一郎/主任</dc:creator>
  <cp:lastModifiedBy>村松孝紀/センター長</cp:lastModifiedBy>
  <cp:lastPrinted>2026-06-03T11:15:16Z</cp:lastPrinted>
  <dcterms:created xsi:type="dcterms:W3CDTF">2020-11-30T07:52:26Z</dcterms:created>
  <dcterms:modified xsi:type="dcterms:W3CDTF">2026-06-04T06:24:57Z</dcterms:modified>
</cp:coreProperties>
</file>